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30" windowWidth="10200" windowHeight="8055" tabRatio="852"/>
  </bookViews>
  <sheets>
    <sheet name="2(2)" sheetId="7" r:id="rId1"/>
  </sheets>
  <definedNames>
    <definedName name="_xlnm._FilterDatabase" localSheetId="0" hidden="1">'2(2)'!$A$3:$P$72</definedName>
    <definedName name="_xlnm.Print_Area" localSheetId="0">'2(2)'!$A$1:$N$72</definedName>
  </definedNames>
  <calcPr calcId="162913"/>
</workbook>
</file>

<file path=xl/sharedStrings.xml><?xml version="1.0" encoding="utf-8"?>
<sst xmlns="http://schemas.openxmlformats.org/spreadsheetml/2006/main" count="166" uniqueCount="57">
  <si>
    <t>アカマツ</t>
  </si>
  <si>
    <t>クロマツ</t>
  </si>
  <si>
    <t>カラマツ</t>
  </si>
  <si>
    <t>面　積</t>
  </si>
  <si>
    <t>蓄　積</t>
  </si>
  <si>
    <t>成長量</t>
  </si>
  <si>
    <t>標準</t>
  </si>
  <si>
    <t>伐期</t>
  </si>
  <si>
    <t>未満</t>
    <rPh sb="0" eb="2">
      <t>ミマン</t>
    </rPh>
    <phoneticPr fontId="1"/>
  </si>
  <si>
    <t>以上</t>
    <rPh sb="0" eb="2">
      <t>イジョウ</t>
    </rPh>
    <phoneticPr fontId="1"/>
  </si>
  <si>
    <t>２</t>
    <phoneticPr fontId="1"/>
  </si>
  <si>
    <t>３</t>
    <phoneticPr fontId="1"/>
  </si>
  <si>
    <t>４</t>
    <phoneticPr fontId="1"/>
  </si>
  <si>
    <t>１５</t>
  </si>
  <si>
    <t>１６</t>
  </si>
  <si>
    <t>１７</t>
  </si>
  <si>
    <t>１８</t>
  </si>
  <si>
    <t>２０
以上</t>
    <rPh sb="3" eb="5">
      <t>イジョウ</t>
    </rPh>
    <phoneticPr fontId="1"/>
  </si>
  <si>
    <t>１９</t>
  </si>
  <si>
    <t xml:space="preserve"> 針葉樹</t>
    <phoneticPr fontId="1"/>
  </si>
  <si>
    <t>広葉樹</t>
    <rPh sb="0" eb="3">
      <t>コウヨウジュ</t>
    </rPh>
    <phoneticPr fontId="1"/>
  </si>
  <si>
    <t>合計</t>
    <rPh sb="0" eb="1">
      <t>ゴウ</t>
    </rPh>
    <phoneticPr fontId="1"/>
  </si>
  <si>
    <t>２</t>
    <phoneticPr fontId="1"/>
  </si>
  <si>
    <t>４</t>
    <phoneticPr fontId="1"/>
  </si>
  <si>
    <t>５</t>
    <phoneticPr fontId="1"/>
  </si>
  <si>
    <t>６</t>
    <phoneticPr fontId="1"/>
  </si>
  <si>
    <t>７</t>
    <phoneticPr fontId="1"/>
  </si>
  <si>
    <t>８</t>
    <phoneticPr fontId="1"/>
  </si>
  <si>
    <t>９</t>
    <phoneticPr fontId="1"/>
  </si>
  <si>
    <t>１０</t>
    <phoneticPr fontId="1"/>
  </si>
  <si>
    <t>１１</t>
    <phoneticPr fontId="1"/>
  </si>
  <si>
    <t>１２</t>
    <phoneticPr fontId="1"/>
  </si>
  <si>
    <t>１３</t>
    <phoneticPr fontId="1"/>
  </si>
  <si>
    <t>１４</t>
    <phoneticPr fontId="1"/>
  </si>
  <si>
    <t>合計</t>
    <phoneticPr fontId="1"/>
  </si>
  <si>
    <t>合計</t>
    <rPh sb="0" eb="2">
      <t>ゴウケイ</t>
    </rPh>
    <phoneticPr fontId="1"/>
  </si>
  <si>
    <t>１</t>
    <phoneticPr fontId="1"/>
  </si>
  <si>
    <t>２</t>
    <phoneticPr fontId="1"/>
  </si>
  <si>
    <t>３</t>
    <phoneticPr fontId="1"/>
  </si>
  <si>
    <t>３</t>
    <phoneticPr fontId="1"/>
  </si>
  <si>
    <t>４</t>
    <phoneticPr fontId="1"/>
  </si>
  <si>
    <t>５</t>
    <phoneticPr fontId="1"/>
  </si>
  <si>
    <t>６</t>
    <phoneticPr fontId="1"/>
  </si>
  <si>
    <t xml:space="preserve"> 針葉樹</t>
    <phoneticPr fontId="1"/>
  </si>
  <si>
    <t>スギ</t>
    <phoneticPr fontId="1"/>
  </si>
  <si>
    <t>ヒノキ</t>
    <phoneticPr fontId="1"/>
  </si>
  <si>
    <t>その他</t>
    <phoneticPr fontId="1"/>
  </si>
  <si>
    <t>ブナ</t>
    <phoneticPr fontId="1"/>
  </si>
  <si>
    <t>クヌギ</t>
    <phoneticPr fontId="1"/>
  </si>
  <si>
    <t>その他</t>
    <phoneticPr fontId="1"/>
  </si>
  <si>
    <t>針葉樹</t>
    <phoneticPr fontId="1"/>
  </si>
  <si>
    <t>広葉樹</t>
    <phoneticPr fontId="1"/>
  </si>
  <si>
    <t>合計</t>
    <phoneticPr fontId="1"/>
  </si>
  <si>
    <t>齢級</t>
    <phoneticPr fontId="1"/>
  </si>
  <si>
    <t>区分</t>
    <phoneticPr fontId="1"/>
  </si>
  <si>
    <t>齢級</t>
    <rPh sb="0" eb="1">
      <t>レイ</t>
    </rPh>
    <rPh sb="1" eb="2">
      <t>キュウ</t>
    </rPh>
    <phoneticPr fontId="1"/>
  </si>
  <si>
    <t>区分</t>
    <rPh sb="0" eb="2">
      <t>クブ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82" formatCode="0_ "/>
    <numFmt numFmtId="187" formatCode="#,##0_);\(#,##0\)"/>
    <numFmt numFmtId="188" formatCode="_ * #,##0_ ;_ * \-#,##0_ ;_ * &quot; &quot;_ ;_ @_ "/>
  </numFmts>
  <fonts count="3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2">
    <border>
      <left/>
      <right/>
      <top/>
      <bottom/>
      <diagonal/>
    </border>
    <border>
      <left style="thin">
        <color indexed="8"/>
      </left>
      <right/>
      <top/>
      <bottom/>
      <diagonal/>
    </border>
    <border>
      <left style="thick">
        <color indexed="8"/>
      </left>
      <right/>
      <top/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double">
        <color indexed="8"/>
      </top>
      <bottom/>
      <diagonal/>
    </border>
    <border>
      <left style="thin">
        <color indexed="8"/>
      </left>
      <right style="thin">
        <color indexed="64"/>
      </right>
      <top style="double">
        <color indexed="8"/>
      </top>
      <bottom/>
      <diagonal/>
    </border>
    <border>
      <left style="thin">
        <color indexed="8"/>
      </left>
      <right style="thin">
        <color indexed="64"/>
      </right>
      <top/>
      <bottom/>
      <diagonal/>
    </border>
    <border>
      <left style="thin">
        <color indexed="8"/>
      </left>
      <right style="thin">
        <color indexed="64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double">
        <color indexed="8"/>
      </top>
      <bottom/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64"/>
      </left>
      <right/>
      <top style="thin">
        <color indexed="8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8"/>
      </left>
      <right style="thick">
        <color indexed="8"/>
      </right>
      <top style="thin">
        <color indexed="8"/>
      </top>
      <bottom/>
      <diagonal/>
    </border>
    <border>
      <left style="thin">
        <color indexed="8"/>
      </left>
      <right style="thick">
        <color indexed="8"/>
      </right>
      <top/>
      <bottom/>
      <diagonal/>
    </border>
    <border>
      <left style="thin">
        <color indexed="8"/>
      </left>
      <right/>
      <top/>
      <bottom style="thick">
        <color indexed="8"/>
      </bottom>
      <diagonal/>
    </border>
    <border>
      <left style="thin">
        <color indexed="8"/>
      </left>
      <right style="thin">
        <color indexed="64"/>
      </right>
      <top/>
      <bottom style="thick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8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8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8"/>
      </right>
      <top/>
      <bottom/>
      <diagonal/>
    </border>
    <border>
      <left/>
      <right/>
      <top/>
      <bottom style="thick">
        <color indexed="64"/>
      </bottom>
      <diagonal/>
    </border>
    <border>
      <left style="thin">
        <color indexed="64"/>
      </left>
      <right style="thin">
        <color indexed="8"/>
      </right>
      <top/>
      <bottom style="thick">
        <color indexed="64"/>
      </bottom>
      <diagonal/>
    </border>
    <border>
      <left style="thin">
        <color indexed="8"/>
      </left>
      <right style="thin">
        <color indexed="8"/>
      </right>
      <top/>
      <bottom style="thick">
        <color indexed="64"/>
      </bottom>
      <diagonal/>
    </border>
    <border>
      <left style="thin">
        <color indexed="8"/>
      </left>
      <right style="thin">
        <color indexed="64"/>
      </right>
      <top/>
      <bottom style="thick">
        <color indexed="64"/>
      </bottom>
      <diagonal/>
    </border>
    <border>
      <left style="thin">
        <color indexed="8"/>
      </left>
      <right/>
      <top style="thick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64"/>
      </right>
      <top style="thick">
        <color indexed="8"/>
      </top>
      <bottom style="thin">
        <color indexed="8"/>
      </bottom>
      <diagonal/>
    </border>
    <border>
      <left/>
      <right style="thin">
        <color indexed="64"/>
      </right>
      <top style="thick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ck">
        <color indexed="8"/>
      </top>
      <bottom style="thin">
        <color indexed="8"/>
      </bottom>
      <diagonal/>
    </border>
    <border>
      <left/>
      <right style="thick">
        <color indexed="8"/>
      </right>
      <top style="thick">
        <color indexed="8"/>
      </top>
      <bottom style="thin">
        <color indexed="8"/>
      </bottom>
      <diagonal/>
    </border>
    <border>
      <left style="thick">
        <color indexed="8"/>
      </left>
      <right style="thin">
        <color indexed="8"/>
      </right>
      <top style="thin">
        <color indexed="8"/>
      </top>
      <bottom/>
      <diagonal/>
    </border>
    <border>
      <left style="thick">
        <color indexed="8"/>
      </left>
      <right style="thin">
        <color indexed="8"/>
      </right>
      <top/>
      <bottom/>
      <diagonal/>
    </border>
    <border>
      <left style="thick">
        <color indexed="8"/>
      </left>
      <right/>
      <top style="double">
        <color indexed="8"/>
      </top>
      <bottom/>
      <diagonal/>
    </border>
    <border>
      <left style="thick">
        <color indexed="8"/>
      </left>
      <right/>
      <top style="thin">
        <color indexed="8"/>
      </top>
      <bottom/>
      <diagonal/>
    </border>
    <border>
      <left style="thick">
        <color indexed="8"/>
      </left>
      <right/>
      <top/>
      <bottom style="thick">
        <color indexed="64"/>
      </bottom>
      <diagonal/>
    </border>
    <border>
      <left style="thick">
        <color indexed="8"/>
      </left>
      <right style="thin">
        <color indexed="8"/>
      </right>
      <top/>
      <bottom style="double">
        <color indexed="8"/>
      </bottom>
      <diagonal/>
    </border>
    <border>
      <left style="thick">
        <color indexed="8"/>
      </left>
      <right style="thin">
        <color indexed="8"/>
      </right>
      <top style="thick">
        <color indexed="8"/>
      </top>
      <bottom/>
      <diagonal/>
    </border>
    <border>
      <left style="thick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ck">
        <color indexed="8"/>
      </top>
      <bottom/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ck">
        <color indexed="64"/>
      </right>
      <top style="thin">
        <color indexed="8"/>
      </top>
      <bottom/>
      <diagonal/>
    </border>
    <border>
      <left style="thin">
        <color indexed="8"/>
      </left>
      <right style="thick">
        <color indexed="64"/>
      </right>
      <top/>
      <bottom/>
      <diagonal/>
    </border>
    <border>
      <left style="thin">
        <color indexed="8"/>
      </left>
      <right style="thick">
        <color indexed="64"/>
      </right>
      <top/>
      <bottom style="double">
        <color indexed="8"/>
      </bottom>
      <diagonal/>
    </border>
    <border>
      <left/>
      <right/>
      <top style="double">
        <color indexed="8"/>
      </top>
      <bottom/>
      <diagonal/>
    </border>
    <border>
      <left style="thin">
        <color indexed="8"/>
      </left>
      <right style="thick">
        <color indexed="64"/>
      </right>
      <top style="double">
        <color indexed="8"/>
      </top>
      <bottom/>
      <diagonal/>
    </border>
    <border>
      <left/>
      <right/>
      <top/>
      <bottom style="thick">
        <color indexed="8"/>
      </bottom>
      <diagonal/>
    </border>
    <border>
      <left style="thin">
        <color indexed="8"/>
      </left>
      <right style="thick">
        <color indexed="64"/>
      </right>
      <top/>
      <bottom style="thick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</borders>
  <cellStyleXfs count="1">
    <xf numFmtId="0" fontId="0" fillId="0" borderId="0"/>
  </cellStyleXfs>
  <cellXfs count="83">
    <xf numFmtId="0" fontId="0" fillId="0" borderId="0" xfId="0" applyNumberFormat="1" applyFont="1" applyAlignment="1" applyProtection="1">
      <protection locked="0"/>
    </xf>
    <xf numFmtId="41" fontId="2" fillId="0" borderId="1" xfId="0" applyNumberFormat="1" applyFont="1" applyFill="1" applyBorder="1" applyAlignment="1" applyProtection="1">
      <alignment horizontal="right" vertical="center"/>
      <protection locked="0"/>
    </xf>
    <xf numFmtId="188" fontId="2" fillId="0" borderId="0" xfId="0" applyNumberFormat="1" applyFont="1" applyFill="1" applyAlignment="1">
      <alignment vertical="center"/>
    </xf>
    <xf numFmtId="188" fontId="2" fillId="0" borderId="0" xfId="0" applyNumberFormat="1" applyFont="1" applyFill="1" applyBorder="1" applyAlignment="1">
      <alignment vertical="center"/>
    </xf>
    <xf numFmtId="188" fontId="2" fillId="0" borderId="0" xfId="0" applyNumberFormat="1" applyFont="1" applyFill="1" applyAlignment="1" applyProtection="1">
      <alignment vertical="center"/>
      <protection locked="0"/>
    </xf>
    <xf numFmtId="188" fontId="2" fillId="0" borderId="0" xfId="0" applyNumberFormat="1" applyFont="1" applyFill="1" applyBorder="1" applyAlignment="1" applyProtection="1">
      <alignment vertical="center"/>
      <protection locked="0"/>
    </xf>
    <xf numFmtId="188" fontId="2" fillId="0" borderId="0" xfId="0" applyNumberFormat="1" applyFont="1" applyFill="1" applyAlignment="1">
      <alignment horizontal="centerContinuous" vertical="center"/>
    </xf>
    <xf numFmtId="188" fontId="2" fillId="0" borderId="0" xfId="0" applyNumberFormat="1" applyFont="1" applyFill="1" applyAlignment="1">
      <alignment horizontal="right" vertical="center"/>
    </xf>
    <xf numFmtId="188" fontId="2" fillId="0" borderId="2" xfId="0" applyNumberFormat="1" applyFont="1" applyFill="1" applyBorder="1" applyAlignment="1">
      <alignment vertical="center"/>
    </xf>
    <xf numFmtId="188" fontId="2" fillId="0" borderId="3" xfId="0" applyNumberFormat="1" applyFont="1" applyFill="1" applyBorder="1" applyAlignment="1">
      <alignment horizontal="center" vertical="center"/>
    </xf>
    <xf numFmtId="188" fontId="2" fillId="0" borderId="4" xfId="0" applyNumberFormat="1" applyFont="1" applyFill="1" applyBorder="1" applyAlignment="1">
      <alignment horizontal="center" vertical="center"/>
    </xf>
    <xf numFmtId="188" fontId="2" fillId="0" borderId="5" xfId="0" applyNumberFormat="1" applyFont="1" applyFill="1" applyBorder="1" applyAlignment="1">
      <alignment horizontal="center" vertical="center"/>
    </xf>
    <xf numFmtId="188" fontId="2" fillId="0" borderId="3" xfId="0" applyNumberFormat="1" applyFont="1" applyFill="1" applyBorder="1" applyAlignment="1">
      <alignment horizontal="center" vertical="center" justifyLastLine="1"/>
    </xf>
    <xf numFmtId="188" fontId="2" fillId="0" borderId="1" xfId="0" applyNumberFormat="1" applyFont="1" applyFill="1" applyBorder="1" applyAlignment="1">
      <alignment horizontal="center" vertical="center" justifyLastLine="1"/>
    </xf>
    <xf numFmtId="188" fontId="2" fillId="0" borderId="6" xfId="0" applyNumberFormat="1" applyFont="1" applyFill="1" applyBorder="1" applyAlignment="1">
      <alignment horizontal="center" vertical="center" justifyLastLine="1"/>
    </xf>
    <xf numFmtId="41" fontId="2" fillId="0" borderId="3" xfId="0" applyNumberFormat="1" applyFont="1" applyFill="1" applyBorder="1" applyAlignment="1">
      <alignment vertical="center"/>
    </xf>
    <xf numFmtId="41" fontId="2" fillId="0" borderId="6" xfId="0" applyNumberFormat="1" applyFont="1" applyFill="1" applyBorder="1" applyAlignment="1">
      <alignment vertical="center"/>
    </xf>
    <xf numFmtId="41" fontId="2" fillId="0" borderId="7" xfId="0" applyNumberFormat="1" applyFont="1" applyFill="1" applyBorder="1" applyAlignment="1">
      <alignment vertical="center"/>
    </xf>
    <xf numFmtId="41" fontId="2" fillId="0" borderId="1" xfId="0" applyNumberFormat="1" applyFont="1" applyFill="1" applyBorder="1" applyAlignment="1">
      <alignment vertical="center"/>
    </xf>
    <xf numFmtId="41" fontId="2" fillId="0" borderId="8" xfId="0" applyNumberFormat="1" applyFont="1" applyFill="1" applyBorder="1" applyAlignment="1">
      <alignment vertical="center"/>
    </xf>
    <xf numFmtId="41" fontId="2" fillId="0" borderId="9" xfId="0" applyNumberFormat="1" applyFont="1" applyFill="1" applyBorder="1" applyAlignment="1">
      <alignment vertical="center"/>
    </xf>
    <xf numFmtId="41" fontId="2" fillId="0" borderId="10" xfId="0" applyNumberFormat="1" applyFont="1" applyFill="1" applyBorder="1" applyAlignment="1">
      <alignment vertical="center"/>
    </xf>
    <xf numFmtId="41" fontId="2" fillId="0" borderId="11" xfId="0" applyNumberFormat="1" applyFont="1" applyFill="1" applyBorder="1" applyAlignment="1">
      <alignment vertical="center"/>
    </xf>
    <xf numFmtId="41" fontId="2" fillId="0" borderId="8" xfId="0" applyNumberFormat="1" applyFont="1" applyFill="1" applyBorder="1" applyAlignment="1" applyProtection="1">
      <alignment horizontal="right" vertical="center"/>
      <protection locked="0"/>
    </xf>
    <xf numFmtId="41" fontId="2" fillId="0" borderId="12" xfId="0" applyNumberFormat="1" applyFont="1" applyFill="1" applyBorder="1" applyAlignment="1">
      <alignment vertical="center"/>
    </xf>
    <xf numFmtId="41" fontId="2" fillId="0" borderId="13" xfId="0" applyNumberFormat="1" applyFont="1" applyFill="1" applyBorder="1" applyAlignment="1" applyProtection="1">
      <alignment horizontal="right" vertical="center"/>
      <protection locked="0"/>
    </xf>
    <xf numFmtId="188" fontId="2" fillId="0" borderId="14" xfId="0" applyNumberFormat="1" applyFont="1" applyFill="1" applyBorder="1" applyAlignment="1">
      <alignment horizontal="center" vertical="center"/>
    </xf>
    <xf numFmtId="41" fontId="2" fillId="0" borderId="15" xfId="0" applyNumberFormat="1" applyFont="1" applyFill="1" applyBorder="1" applyAlignment="1" applyProtection="1">
      <alignment horizontal="right" vertical="center"/>
      <protection locked="0"/>
    </xf>
    <xf numFmtId="188" fontId="2" fillId="0" borderId="16" xfId="0" applyNumberFormat="1" applyFont="1" applyFill="1" applyBorder="1" applyAlignment="1">
      <alignment horizontal="center" vertical="center" justifyLastLine="1"/>
    </xf>
    <xf numFmtId="41" fontId="2" fillId="0" borderId="16" xfId="0" applyNumberFormat="1" applyFont="1" applyFill="1" applyBorder="1" applyAlignment="1">
      <alignment vertical="center"/>
    </xf>
    <xf numFmtId="41" fontId="2" fillId="0" borderId="17" xfId="0" applyNumberFormat="1" applyFont="1" applyFill="1" applyBorder="1" applyAlignment="1">
      <alignment vertical="center"/>
    </xf>
    <xf numFmtId="41" fontId="2" fillId="0" borderId="18" xfId="0" applyNumberFormat="1" applyFont="1" applyFill="1" applyBorder="1" applyAlignment="1">
      <alignment vertical="center"/>
    </xf>
    <xf numFmtId="41" fontId="2" fillId="0" borderId="0" xfId="0" applyNumberFormat="1" applyFont="1" applyFill="1" applyBorder="1" applyAlignment="1" applyProtection="1">
      <alignment horizontal="right" vertical="center"/>
      <protection locked="0"/>
    </xf>
    <xf numFmtId="188" fontId="2" fillId="0" borderId="19" xfId="0" applyNumberFormat="1" applyFont="1" applyFill="1" applyBorder="1" applyAlignment="1">
      <alignment vertical="center"/>
    </xf>
    <xf numFmtId="188" fontId="2" fillId="0" borderId="20" xfId="0" applyNumberFormat="1" applyFont="1" applyFill="1" applyBorder="1" applyAlignment="1">
      <alignment vertical="center"/>
    </xf>
    <xf numFmtId="188" fontId="2" fillId="0" borderId="21" xfId="0" applyNumberFormat="1" applyFont="1" applyFill="1" applyBorder="1" applyAlignment="1">
      <alignment vertical="center"/>
    </xf>
    <xf numFmtId="41" fontId="2" fillId="0" borderId="22" xfId="0" applyNumberFormat="1" applyFont="1" applyFill="1" applyBorder="1" applyAlignment="1">
      <alignment vertical="center"/>
    </xf>
    <xf numFmtId="41" fontId="2" fillId="0" borderId="23" xfId="0" applyNumberFormat="1" applyFont="1" applyFill="1" applyBorder="1" applyAlignment="1">
      <alignment vertical="center"/>
    </xf>
    <xf numFmtId="41" fontId="2" fillId="0" borderId="24" xfId="0" applyNumberFormat="1" applyFont="1" applyFill="1" applyBorder="1" applyAlignment="1">
      <alignment vertical="center"/>
    </xf>
    <xf numFmtId="188" fontId="2" fillId="0" borderId="25" xfId="0" applyNumberFormat="1" applyFont="1" applyFill="1" applyBorder="1" applyAlignment="1" applyProtection="1">
      <alignment vertical="center"/>
      <protection locked="0"/>
    </xf>
    <xf numFmtId="41" fontId="2" fillId="0" borderId="26" xfId="0" applyNumberFormat="1" applyFont="1" applyFill="1" applyBorder="1" applyAlignment="1">
      <alignment vertical="center"/>
    </xf>
    <xf numFmtId="41" fontId="2" fillId="0" borderId="27" xfId="0" applyNumberFormat="1" applyFont="1" applyFill="1" applyBorder="1" applyAlignment="1">
      <alignment vertical="center"/>
    </xf>
    <xf numFmtId="41" fontId="2" fillId="0" borderId="28" xfId="0" applyNumberFormat="1" applyFont="1" applyFill="1" applyBorder="1" applyAlignment="1">
      <alignment vertical="center"/>
    </xf>
    <xf numFmtId="187" fontId="2" fillId="0" borderId="29" xfId="0" applyNumberFormat="1" applyFont="1" applyFill="1" applyBorder="1" applyAlignment="1">
      <alignment horizontal="center" vertical="center"/>
    </xf>
    <xf numFmtId="187" fontId="2" fillId="0" borderId="30" xfId="0" applyNumberFormat="1" applyFont="1" applyFill="1" applyBorder="1" applyAlignment="1">
      <alignment horizontal="center" vertical="center"/>
    </xf>
    <xf numFmtId="187" fontId="2" fillId="0" borderId="31" xfId="0" applyNumberFormat="1" applyFont="1" applyFill="1" applyBorder="1" applyAlignment="1">
      <alignment horizontal="center" vertical="center"/>
    </xf>
    <xf numFmtId="187" fontId="2" fillId="0" borderId="32" xfId="0" applyNumberFormat="1" applyFont="1" applyFill="1" applyBorder="1" applyAlignment="1">
      <alignment horizontal="center" vertical="center"/>
    </xf>
    <xf numFmtId="187" fontId="2" fillId="0" borderId="33" xfId="0" applyNumberFormat="1" applyFont="1" applyFill="1" applyBorder="1" applyAlignment="1">
      <alignment horizontal="center" vertical="center"/>
    </xf>
    <xf numFmtId="187" fontId="2" fillId="0" borderId="34" xfId="0" applyNumberFormat="1" applyFont="1" applyFill="1" applyBorder="1" applyAlignment="1">
      <alignment horizontal="center" vertical="center"/>
    </xf>
    <xf numFmtId="187" fontId="2" fillId="0" borderId="35" xfId="0" applyNumberFormat="1" applyFont="1" applyFill="1" applyBorder="1" applyAlignment="1">
      <alignment horizontal="center" vertical="center"/>
    </xf>
    <xf numFmtId="0" fontId="2" fillId="0" borderId="34" xfId="0" applyNumberFormat="1" applyFont="1" applyFill="1" applyBorder="1" applyAlignment="1">
      <alignment vertical="center"/>
    </xf>
    <xf numFmtId="0" fontId="2" fillId="0" borderId="35" xfId="0" applyNumberFormat="1" applyFont="1" applyFill="1" applyBorder="1" applyAlignment="1">
      <alignment vertical="center"/>
    </xf>
    <xf numFmtId="187" fontId="2" fillId="0" borderId="36" xfId="0" applyNumberFormat="1" applyFont="1" applyFill="1" applyBorder="1" applyAlignment="1">
      <alignment horizontal="center" vertical="center"/>
    </xf>
    <xf numFmtId="187" fontId="2" fillId="0" borderId="2" xfId="0" applyNumberFormat="1" applyFont="1" applyFill="1" applyBorder="1" applyAlignment="1">
      <alignment horizontal="center" vertical="center"/>
    </xf>
    <xf numFmtId="187" fontId="2" fillId="0" borderId="37" xfId="0" applyNumberFormat="1" applyFont="1" applyFill="1" applyBorder="1" applyAlignment="1">
      <alignment horizontal="center" vertical="center"/>
    </xf>
    <xf numFmtId="187" fontId="2" fillId="0" borderId="38" xfId="0" applyNumberFormat="1" applyFont="1" applyFill="1" applyBorder="1" applyAlignment="1">
      <alignment horizontal="center" vertical="center"/>
    </xf>
    <xf numFmtId="188" fontId="2" fillId="0" borderId="34" xfId="0" applyNumberFormat="1" applyFont="1" applyFill="1" applyBorder="1" applyAlignment="1">
      <alignment horizontal="center" vertical="center"/>
    </xf>
    <xf numFmtId="188" fontId="2" fillId="0" borderId="35" xfId="0" applyNumberFormat="1" applyFont="1" applyFill="1" applyBorder="1" applyAlignment="1">
      <alignment horizontal="center" vertical="center"/>
    </xf>
    <xf numFmtId="187" fontId="2" fillId="0" borderId="39" xfId="0" applyNumberFormat="1" applyFont="1" applyFill="1" applyBorder="1" applyAlignment="1">
      <alignment horizontal="center" vertical="center"/>
    </xf>
    <xf numFmtId="188" fontId="2" fillId="0" borderId="40" xfId="0" applyNumberFormat="1" applyFont="1" applyFill="1" applyBorder="1" applyAlignment="1">
      <alignment vertical="center"/>
    </xf>
    <xf numFmtId="188" fontId="2" fillId="0" borderId="41" xfId="0" applyNumberFormat="1" applyFont="1" applyFill="1" applyBorder="1" applyAlignment="1">
      <alignment vertical="center"/>
    </xf>
    <xf numFmtId="188" fontId="2" fillId="0" borderId="42" xfId="0" applyNumberFormat="1" applyFont="1" applyFill="1" applyBorder="1" applyAlignment="1">
      <alignment vertical="center" justifyLastLine="1"/>
    </xf>
    <xf numFmtId="188" fontId="2" fillId="0" borderId="43" xfId="0" applyNumberFormat="1" applyFont="1" applyFill="1" applyBorder="1" applyAlignment="1">
      <alignment vertical="center" justifyLastLine="1"/>
    </xf>
    <xf numFmtId="182" fontId="2" fillId="0" borderId="3" xfId="0" applyNumberFormat="1" applyFont="1" applyFill="1" applyBorder="1" applyAlignment="1">
      <alignment vertical="center"/>
    </xf>
    <xf numFmtId="182" fontId="2" fillId="0" borderId="1" xfId="0" applyNumberFormat="1" applyFont="1" applyFill="1" applyBorder="1" applyAlignment="1" applyProtection="1">
      <alignment horizontal="right" vertical="center"/>
      <protection locked="0"/>
    </xf>
    <xf numFmtId="182" fontId="2" fillId="0" borderId="6" xfId="0" applyNumberFormat="1" applyFont="1" applyFill="1" applyBorder="1" applyAlignment="1">
      <alignment vertical="center"/>
    </xf>
    <xf numFmtId="182" fontId="2" fillId="0" borderId="1" xfId="0" applyNumberFormat="1" applyFont="1" applyFill="1" applyBorder="1" applyAlignment="1">
      <alignment vertical="center"/>
    </xf>
    <xf numFmtId="182" fontId="2" fillId="0" borderId="16" xfId="0" applyNumberFormat="1" applyFont="1" applyFill="1" applyBorder="1" applyAlignment="1">
      <alignment vertical="center"/>
    </xf>
    <xf numFmtId="182" fontId="2" fillId="0" borderId="5" xfId="0" applyNumberFormat="1" applyFont="1" applyFill="1" applyBorder="1" applyAlignment="1">
      <alignment vertical="center"/>
    </xf>
    <xf numFmtId="182" fontId="2" fillId="0" borderId="14" xfId="0" applyNumberFormat="1" applyFont="1" applyFill="1" applyBorder="1" applyAlignment="1">
      <alignment vertical="center"/>
    </xf>
    <xf numFmtId="182" fontId="2" fillId="0" borderId="0" xfId="0" applyNumberFormat="1" applyFont="1" applyFill="1" applyBorder="1" applyAlignment="1" applyProtection="1">
      <alignment horizontal="right" vertical="center"/>
      <protection locked="0"/>
    </xf>
    <xf numFmtId="182" fontId="2" fillId="0" borderId="15" xfId="0" applyNumberFormat="1" applyFont="1" applyFill="1" applyBorder="1" applyAlignment="1" applyProtection="1">
      <alignment horizontal="right" vertical="center"/>
      <protection locked="0"/>
    </xf>
    <xf numFmtId="182" fontId="2" fillId="0" borderId="44" xfId="0" applyNumberFormat="1" applyFont="1" applyFill="1" applyBorder="1" applyAlignment="1">
      <alignment vertical="center"/>
    </xf>
    <xf numFmtId="182" fontId="2" fillId="0" borderId="45" xfId="0" applyNumberFormat="1" applyFont="1" applyFill="1" applyBorder="1" applyAlignment="1" applyProtection="1">
      <alignment horizontal="right" vertical="center"/>
      <protection locked="0"/>
    </xf>
    <xf numFmtId="182" fontId="2" fillId="0" borderId="46" xfId="0" applyNumberFormat="1" applyFont="1" applyFill="1" applyBorder="1" applyAlignment="1" applyProtection="1">
      <alignment horizontal="right" vertical="center"/>
      <protection locked="0"/>
    </xf>
    <xf numFmtId="182" fontId="2" fillId="0" borderId="47" xfId="0" applyNumberFormat="1" applyFont="1" applyFill="1" applyBorder="1" applyAlignment="1">
      <alignment vertical="center"/>
    </xf>
    <xf numFmtId="182" fontId="2" fillId="0" borderId="48" xfId="0" applyNumberFormat="1" applyFont="1" applyFill="1" applyBorder="1" applyAlignment="1">
      <alignment vertical="center"/>
    </xf>
    <xf numFmtId="182" fontId="2" fillId="0" borderId="0" xfId="0" applyNumberFormat="1" applyFont="1" applyFill="1" applyBorder="1" applyAlignment="1">
      <alignment vertical="center"/>
    </xf>
    <xf numFmtId="182" fontId="2" fillId="0" borderId="45" xfId="0" applyNumberFormat="1" applyFont="1" applyFill="1" applyBorder="1" applyAlignment="1">
      <alignment vertical="center"/>
    </xf>
    <xf numFmtId="182" fontId="2" fillId="0" borderId="49" xfId="0" applyNumberFormat="1" applyFont="1" applyFill="1" applyBorder="1" applyAlignment="1">
      <alignment vertical="center"/>
    </xf>
    <xf numFmtId="182" fontId="2" fillId="0" borderId="50" xfId="0" applyNumberFormat="1" applyFont="1" applyFill="1" applyBorder="1" applyAlignment="1">
      <alignment vertical="center"/>
    </xf>
    <xf numFmtId="182" fontId="2" fillId="0" borderId="9" xfId="0" applyNumberFormat="1" applyFont="1" applyFill="1" applyBorder="1" applyAlignment="1">
      <alignment vertical="center"/>
    </xf>
    <xf numFmtId="188" fontId="2" fillId="0" borderId="51" xfId="0" applyNumberFormat="1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P73"/>
  <sheetViews>
    <sheetView showZeros="0" tabSelected="1" view="pageBreakPreview" zoomScale="75" zoomScaleNormal="100" zoomScaleSheetLayoutView="75" workbookViewId="0"/>
  </sheetViews>
  <sheetFormatPr defaultColWidth="10.75" defaultRowHeight="17.25" x14ac:dyDescent="0.15"/>
  <cols>
    <col min="1" max="1" width="10" style="4" customWidth="1"/>
    <col min="2" max="2" width="11.625" style="4" customWidth="1"/>
    <col min="3" max="14" width="16.5" style="4" customWidth="1"/>
    <col min="15" max="15" width="3.375" style="4" customWidth="1"/>
    <col min="16" max="16" width="1.75" style="5" customWidth="1"/>
    <col min="17" max="16384" width="10.75" style="4"/>
  </cols>
  <sheetData>
    <row r="1" spans="1:16" ht="26.25" customHeight="1" thickBot="1" x14ac:dyDescent="0.2">
      <c r="A1" s="2"/>
      <c r="I1" s="39"/>
      <c r="J1" s="39"/>
      <c r="K1" s="39"/>
      <c r="M1" s="6"/>
      <c r="N1" s="7"/>
      <c r="O1" s="6"/>
    </row>
    <row r="2" spans="1:16" ht="18.75" customHeight="1" thickTop="1" x14ac:dyDescent="0.15">
      <c r="A2" s="59" t="s">
        <v>53</v>
      </c>
      <c r="B2" s="61" t="s">
        <v>54</v>
      </c>
      <c r="C2" s="43" t="s">
        <v>19</v>
      </c>
      <c r="D2" s="43" t="s">
        <v>19</v>
      </c>
      <c r="E2" s="43" t="s">
        <v>43</v>
      </c>
      <c r="F2" s="43" t="s">
        <v>19</v>
      </c>
      <c r="G2" s="43" t="s">
        <v>19</v>
      </c>
      <c r="H2" s="43" t="s">
        <v>19</v>
      </c>
      <c r="I2" s="44" t="s">
        <v>20</v>
      </c>
      <c r="J2" s="45" t="s">
        <v>20</v>
      </c>
      <c r="K2" s="46" t="s">
        <v>20</v>
      </c>
      <c r="L2" s="46" t="s">
        <v>21</v>
      </c>
      <c r="M2" s="46" t="s">
        <v>21</v>
      </c>
      <c r="N2" s="47" t="s">
        <v>35</v>
      </c>
      <c r="O2" s="8"/>
      <c r="P2" s="3"/>
    </row>
    <row r="3" spans="1:16" ht="18.75" customHeight="1" x14ac:dyDescent="0.15">
      <c r="A3" s="60" t="s">
        <v>55</v>
      </c>
      <c r="B3" s="62" t="s">
        <v>56</v>
      </c>
      <c r="C3" s="9" t="s">
        <v>44</v>
      </c>
      <c r="D3" s="9" t="s">
        <v>45</v>
      </c>
      <c r="E3" s="9" t="s">
        <v>0</v>
      </c>
      <c r="F3" s="9" t="s">
        <v>1</v>
      </c>
      <c r="G3" s="10" t="s">
        <v>2</v>
      </c>
      <c r="H3" s="10" t="s">
        <v>46</v>
      </c>
      <c r="I3" s="10" t="s">
        <v>47</v>
      </c>
      <c r="J3" s="11" t="s">
        <v>48</v>
      </c>
      <c r="K3" s="82" t="s">
        <v>49</v>
      </c>
      <c r="L3" s="9" t="s">
        <v>50</v>
      </c>
      <c r="M3" s="9" t="s">
        <v>51</v>
      </c>
      <c r="N3" s="26" t="s">
        <v>52</v>
      </c>
      <c r="O3" s="8"/>
      <c r="P3" s="3"/>
    </row>
    <row r="4" spans="1:16" ht="18.75" customHeight="1" x14ac:dyDescent="0.15">
      <c r="A4" s="48" t="s">
        <v>36</v>
      </c>
      <c r="B4" s="12" t="s">
        <v>3</v>
      </c>
      <c r="C4" s="15">
        <v>390.69</v>
      </c>
      <c r="D4" s="63">
        <v>1317</v>
      </c>
      <c r="E4" s="15">
        <v>8.2899999999999991</v>
      </c>
      <c r="F4" s="15">
        <v>34.520000000000003</v>
      </c>
      <c r="G4" s="15">
        <v>0</v>
      </c>
      <c r="H4" s="20">
        <v>0</v>
      </c>
      <c r="I4" s="24">
        <v>0</v>
      </c>
      <c r="J4" s="15">
        <v>63.64</v>
      </c>
      <c r="K4" s="20">
        <v>170.16</v>
      </c>
      <c r="L4" s="68">
        <v>1750.8</v>
      </c>
      <c r="M4" s="15">
        <v>233.8</v>
      </c>
      <c r="N4" s="69">
        <v>1984.6</v>
      </c>
      <c r="O4" s="8"/>
      <c r="P4" s="3"/>
    </row>
    <row r="5" spans="1:16" ht="18.75" customHeight="1" x14ac:dyDescent="0.15">
      <c r="A5" s="49" t="s">
        <v>36</v>
      </c>
      <c r="B5" s="13" t="s">
        <v>4</v>
      </c>
      <c r="C5" s="1">
        <v>0</v>
      </c>
      <c r="D5" s="1">
        <v>0</v>
      </c>
      <c r="E5" s="1">
        <v>0</v>
      </c>
      <c r="F5" s="1">
        <v>0</v>
      </c>
      <c r="G5" s="1">
        <v>0</v>
      </c>
      <c r="H5" s="23">
        <v>0</v>
      </c>
      <c r="I5" s="25">
        <v>0</v>
      </c>
      <c r="J5" s="1">
        <v>0</v>
      </c>
      <c r="K5" s="23">
        <v>0</v>
      </c>
      <c r="L5" s="32">
        <v>0</v>
      </c>
      <c r="M5" s="1">
        <v>0</v>
      </c>
      <c r="N5" s="27">
        <v>0</v>
      </c>
      <c r="O5" s="8"/>
      <c r="P5" s="3"/>
    </row>
    <row r="6" spans="1:16" ht="18.75" customHeight="1" x14ac:dyDescent="0.15">
      <c r="A6" s="49" t="s">
        <v>36</v>
      </c>
      <c r="B6" s="13" t="s">
        <v>5</v>
      </c>
      <c r="C6" s="1">
        <v>0</v>
      </c>
      <c r="D6" s="1">
        <v>0</v>
      </c>
      <c r="E6" s="1">
        <v>0</v>
      </c>
      <c r="F6" s="1">
        <v>0</v>
      </c>
      <c r="G6" s="1">
        <v>0</v>
      </c>
      <c r="H6" s="23">
        <v>0</v>
      </c>
      <c r="I6" s="25">
        <v>0</v>
      </c>
      <c r="J6" s="1">
        <v>0</v>
      </c>
      <c r="K6" s="23">
        <v>0</v>
      </c>
      <c r="L6" s="32">
        <v>0</v>
      </c>
      <c r="M6" s="1">
        <v>0</v>
      </c>
      <c r="N6" s="27">
        <v>0</v>
      </c>
      <c r="O6" s="8"/>
      <c r="P6" s="3"/>
    </row>
    <row r="7" spans="1:16" ht="18.75" customHeight="1" x14ac:dyDescent="0.15">
      <c r="A7" s="48" t="s">
        <v>22</v>
      </c>
      <c r="B7" s="12" t="s">
        <v>3</v>
      </c>
      <c r="C7" s="15">
        <v>386.47</v>
      </c>
      <c r="D7" s="63">
        <v>1742.86</v>
      </c>
      <c r="E7" s="15">
        <v>30.98</v>
      </c>
      <c r="F7" s="15">
        <v>30.34</v>
      </c>
      <c r="G7" s="15">
        <v>0</v>
      </c>
      <c r="H7" s="20">
        <v>6.68</v>
      </c>
      <c r="I7" s="24">
        <v>0</v>
      </c>
      <c r="J7" s="15">
        <v>83.19</v>
      </c>
      <c r="K7" s="20">
        <v>236.36</v>
      </c>
      <c r="L7" s="68">
        <v>2197.33</v>
      </c>
      <c r="M7" s="63">
        <v>319.55</v>
      </c>
      <c r="N7" s="69">
        <v>2516.88</v>
      </c>
      <c r="O7" s="8"/>
      <c r="P7" s="3"/>
    </row>
    <row r="8" spans="1:16" ht="18.75" customHeight="1" x14ac:dyDescent="0.15">
      <c r="A8" s="49" t="s">
        <v>10</v>
      </c>
      <c r="B8" s="13" t="s">
        <v>4</v>
      </c>
      <c r="C8" s="1">
        <v>0</v>
      </c>
      <c r="D8" s="1">
        <v>0</v>
      </c>
      <c r="E8" s="1">
        <v>0</v>
      </c>
      <c r="F8" s="1">
        <v>0</v>
      </c>
      <c r="G8" s="1">
        <v>0</v>
      </c>
      <c r="H8" s="23">
        <v>0</v>
      </c>
      <c r="I8" s="25">
        <v>0</v>
      </c>
      <c r="J8" s="1">
        <v>2.444</v>
      </c>
      <c r="K8" s="23">
        <v>7.5439999999999996</v>
      </c>
      <c r="L8" s="32">
        <v>0</v>
      </c>
      <c r="M8" s="1">
        <v>9.9879999999999995</v>
      </c>
      <c r="N8" s="27">
        <v>9.9879999999999995</v>
      </c>
      <c r="O8" s="8"/>
      <c r="P8" s="3"/>
    </row>
    <row r="9" spans="1:16" ht="18.75" customHeight="1" x14ac:dyDescent="0.15">
      <c r="A9" s="49" t="s">
        <v>37</v>
      </c>
      <c r="B9" s="13" t="s">
        <v>5</v>
      </c>
      <c r="C9" s="1">
        <v>0</v>
      </c>
      <c r="D9" s="1">
        <v>0</v>
      </c>
      <c r="E9" s="1">
        <v>0</v>
      </c>
      <c r="F9" s="1">
        <v>0</v>
      </c>
      <c r="G9" s="1">
        <v>0</v>
      </c>
      <c r="H9" s="23">
        <v>0</v>
      </c>
      <c r="I9" s="25">
        <v>0</v>
      </c>
      <c r="J9" s="1">
        <v>0.42799999999999999</v>
      </c>
      <c r="K9" s="23">
        <v>1.302</v>
      </c>
      <c r="L9" s="32">
        <v>0</v>
      </c>
      <c r="M9" s="1">
        <v>1.73</v>
      </c>
      <c r="N9" s="27">
        <v>1.73</v>
      </c>
      <c r="O9" s="8"/>
      <c r="P9" s="3"/>
    </row>
    <row r="10" spans="1:16" ht="18.75" customHeight="1" x14ac:dyDescent="0.15">
      <c r="A10" s="48" t="s">
        <v>38</v>
      </c>
      <c r="B10" s="12" t="s">
        <v>3</v>
      </c>
      <c r="C10" s="63">
        <v>212.24</v>
      </c>
      <c r="D10" s="63">
        <v>1518.21</v>
      </c>
      <c r="E10" s="63">
        <v>16.149999999999999</v>
      </c>
      <c r="F10" s="63">
        <v>16.78</v>
      </c>
      <c r="G10" s="15">
        <v>0</v>
      </c>
      <c r="H10" s="20">
        <v>0.16</v>
      </c>
      <c r="I10" s="24">
        <v>0</v>
      </c>
      <c r="J10" s="15">
        <v>16.989999999999998</v>
      </c>
      <c r="K10" s="20">
        <v>127.49</v>
      </c>
      <c r="L10" s="68">
        <v>1763.5400000000002</v>
      </c>
      <c r="M10" s="63">
        <v>144.47999999999999</v>
      </c>
      <c r="N10" s="69">
        <v>1908.0200000000002</v>
      </c>
      <c r="O10" s="8"/>
      <c r="P10" s="3"/>
    </row>
    <row r="11" spans="1:16" ht="18.75" customHeight="1" x14ac:dyDescent="0.15">
      <c r="A11" s="49" t="s">
        <v>11</v>
      </c>
      <c r="B11" s="13" t="s">
        <v>4</v>
      </c>
      <c r="C11" s="64">
        <v>30.762</v>
      </c>
      <c r="D11" s="64">
        <v>196.95500000000001</v>
      </c>
      <c r="E11" s="64">
        <v>0.94199999999999995</v>
      </c>
      <c r="F11" s="64">
        <v>1.0089999999999999</v>
      </c>
      <c r="G11" s="1">
        <v>0</v>
      </c>
      <c r="H11" s="23">
        <v>1.7000000000000001E-2</v>
      </c>
      <c r="I11" s="25">
        <v>0</v>
      </c>
      <c r="J11" s="1">
        <v>0.80700000000000005</v>
      </c>
      <c r="K11" s="23">
        <v>8.39</v>
      </c>
      <c r="L11" s="70">
        <v>229.685</v>
      </c>
      <c r="M11" s="64">
        <v>9.1969999999999992</v>
      </c>
      <c r="N11" s="71">
        <v>238.88200000000001</v>
      </c>
      <c r="O11" s="8"/>
      <c r="P11" s="3"/>
    </row>
    <row r="12" spans="1:16" ht="18.75" customHeight="1" x14ac:dyDescent="0.15">
      <c r="A12" s="49" t="s">
        <v>39</v>
      </c>
      <c r="B12" s="13" t="s">
        <v>5</v>
      </c>
      <c r="C12" s="64">
        <v>3.7919999999999998</v>
      </c>
      <c r="D12" s="64">
        <v>17.143000000000001</v>
      </c>
      <c r="E12" s="64">
        <v>0.156</v>
      </c>
      <c r="F12" s="64">
        <v>0.16800000000000001</v>
      </c>
      <c r="G12" s="1">
        <v>0</v>
      </c>
      <c r="H12" s="23">
        <v>2E-3</v>
      </c>
      <c r="I12" s="25">
        <v>0</v>
      </c>
      <c r="J12" s="1">
        <v>5.5E-2</v>
      </c>
      <c r="K12" s="23">
        <v>0.57399999999999995</v>
      </c>
      <c r="L12" s="70">
        <v>21.260999999999999</v>
      </c>
      <c r="M12" s="64">
        <v>0.629</v>
      </c>
      <c r="N12" s="71">
        <v>21.89</v>
      </c>
      <c r="O12" s="8"/>
    </row>
    <row r="13" spans="1:16" ht="18.75" customHeight="1" x14ac:dyDescent="0.15">
      <c r="A13" s="48" t="s">
        <v>12</v>
      </c>
      <c r="B13" s="12" t="s">
        <v>3</v>
      </c>
      <c r="C13" s="63">
        <v>661.78</v>
      </c>
      <c r="D13" s="63">
        <v>3303.13</v>
      </c>
      <c r="E13" s="63">
        <v>3.7</v>
      </c>
      <c r="F13" s="63">
        <v>22.89</v>
      </c>
      <c r="G13" s="15">
        <v>0</v>
      </c>
      <c r="H13" s="20">
        <v>5.57</v>
      </c>
      <c r="I13" s="24">
        <v>0</v>
      </c>
      <c r="J13" s="15">
        <v>58.82</v>
      </c>
      <c r="K13" s="20">
        <v>244.31</v>
      </c>
      <c r="L13" s="68">
        <v>3997.0699999999997</v>
      </c>
      <c r="M13" s="63">
        <v>303.13</v>
      </c>
      <c r="N13" s="69">
        <v>4300.2</v>
      </c>
      <c r="O13" s="8"/>
    </row>
    <row r="14" spans="1:16" ht="18.75" customHeight="1" x14ac:dyDescent="0.15">
      <c r="A14" s="49" t="s">
        <v>40</v>
      </c>
      <c r="B14" s="13" t="s">
        <v>4</v>
      </c>
      <c r="C14" s="64">
        <v>161.35</v>
      </c>
      <c r="D14" s="64">
        <v>647.96500000000003</v>
      </c>
      <c r="E14" s="64">
        <v>0.40699999999999997</v>
      </c>
      <c r="F14" s="64">
        <v>2.3479999999999999</v>
      </c>
      <c r="G14" s="1">
        <v>0</v>
      </c>
      <c r="H14" s="23">
        <v>1.0389999999999999</v>
      </c>
      <c r="I14" s="25">
        <v>0</v>
      </c>
      <c r="J14" s="1">
        <v>5.343</v>
      </c>
      <c r="K14" s="23">
        <v>23.02</v>
      </c>
      <c r="L14" s="70">
        <v>813.10900000000004</v>
      </c>
      <c r="M14" s="64">
        <v>28.363</v>
      </c>
      <c r="N14" s="71">
        <v>841.47199999999998</v>
      </c>
      <c r="O14" s="8"/>
      <c r="P14" s="3"/>
    </row>
    <row r="15" spans="1:16" ht="18.75" customHeight="1" x14ac:dyDescent="0.15">
      <c r="A15" s="49" t="s">
        <v>23</v>
      </c>
      <c r="B15" s="13" t="s">
        <v>5</v>
      </c>
      <c r="C15" s="64">
        <v>12.151</v>
      </c>
      <c r="D15" s="64">
        <v>39.454999999999998</v>
      </c>
      <c r="E15" s="64">
        <v>3.1E-2</v>
      </c>
      <c r="F15" s="64">
        <v>0.16600000000000001</v>
      </c>
      <c r="G15" s="1">
        <v>0</v>
      </c>
      <c r="H15" s="23">
        <v>6.4000000000000001E-2</v>
      </c>
      <c r="I15" s="25">
        <v>0</v>
      </c>
      <c r="J15" s="1">
        <v>0.217</v>
      </c>
      <c r="K15" s="23">
        <v>0.91300000000000003</v>
      </c>
      <c r="L15" s="70">
        <v>51.866999999999997</v>
      </c>
      <c r="M15" s="64">
        <v>1.1299999999999999</v>
      </c>
      <c r="N15" s="71">
        <v>52.997</v>
      </c>
      <c r="O15" s="8"/>
      <c r="P15" s="3"/>
    </row>
    <row r="16" spans="1:16" ht="18.75" customHeight="1" x14ac:dyDescent="0.15">
      <c r="A16" s="48" t="s">
        <v>41</v>
      </c>
      <c r="B16" s="12" t="s">
        <v>3</v>
      </c>
      <c r="C16" s="63">
        <v>2088.3200000000002</v>
      </c>
      <c r="D16" s="63">
        <v>5047.7</v>
      </c>
      <c r="E16" s="63">
        <v>16.39</v>
      </c>
      <c r="F16" s="63">
        <v>18.46</v>
      </c>
      <c r="G16" s="15">
        <v>0.21</v>
      </c>
      <c r="H16" s="20">
        <v>2.09</v>
      </c>
      <c r="I16" s="24">
        <v>0</v>
      </c>
      <c r="J16" s="15">
        <v>92.59</v>
      </c>
      <c r="K16" s="20">
        <v>120</v>
      </c>
      <c r="L16" s="68">
        <v>7173.170000000001</v>
      </c>
      <c r="M16" s="63">
        <v>212.59</v>
      </c>
      <c r="N16" s="72">
        <v>7385.7600000000011</v>
      </c>
      <c r="O16" s="3"/>
      <c r="P16" s="3"/>
    </row>
    <row r="17" spans="1:16" ht="18.75" customHeight="1" x14ac:dyDescent="0.15">
      <c r="A17" s="49" t="s">
        <v>24</v>
      </c>
      <c r="B17" s="13" t="s">
        <v>4</v>
      </c>
      <c r="C17" s="64">
        <v>705.98099999999999</v>
      </c>
      <c r="D17" s="64">
        <v>1264.444</v>
      </c>
      <c r="E17" s="64">
        <v>2.427</v>
      </c>
      <c r="F17" s="64">
        <v>2.4889999999999999</v>
      </c>
      <c r="G17" s="1">
        <v>3.2000000000000001E-2</v>
      </c>
      <c r="H17" s="23">
        <v>0.59799999999999998</v>
      </c>
      <c r="I17" s="25">
        <v>0</v>
      </c>
      <c r="J17" s="1">
        <v>10.452999999999999</v>
      </c>
      <c r="K17" s="23">
        <v>13.532999999999999</v>
      </c>
      <c r="L17" s="70">
        <v>1975.971</v>
      </c>
      <c r="M17" s="64">
        <v>23.986000000000001</v>
      </c>
      <c r="N17" s="73">
        <v>1999.9570000000001</v>
      </c>
      <c r="O17" s="3"/>
      <c r="P17" s="3"/>
    </row>
    <row r="18" spans="1:16" ht="18.75" customHeight="1" x14ac:dyDescent="0.15">
      <c r="A18" s="49" t="s">
        <v>24</v>
      </c>
      <c r="B18" s="13" t="s">
        <v>5</v>
      </c>
      <c r="C18" s="64">
        <v>36.267000000000003</v>
      </c>
      <c r="D18" s="64">
        <v>56.158999999999999</v>
      </c>
      <c r="E18" s="64">
        <v>9.1999999999999998E-2</v>
      </c>
      <c r="F18" s="64">
        <v>9.4E-2</v>
      </c>
      <c r="G18" s="1">
        <v>1E-3</v>
      </c>
      <c r="H18" s="23">
        <v>2.7E-2</v>
      </c>
      <c r="I18" s="25">
        <v>0</v>
      </c>
      <c r="J18" s="1">
        <v>0.26100000000000001</v>
      </c>
      <c r="K18" s="23">
        <v>0.30499999999999999</v>
      </c>
      <c r="L18" s="70">
        <v>92.64</v>
      </c>
      <c r="M18" s="64">
        <v>0.56599999999999995</v>
      </c>
      <c r="N18" s="73">
        <v>93.206000000000003</v>
      </c>
      <c r="O18" s="3"/>
      <c r="P18" s="3"/>
    </row>
    <row r="19" spans="1:16" ht="18.75" customHeight="1" x14ac:dyDescent="0.15">
      <c r="A19" s="48" t="s">
        <v>42</v>
      </c>
      <c r="B19" s="12" t="s">
        <v>3</v>
      </c>
      <c r="C19" s="63">
        <v>2981.22</v>
      </c>
      <c r="D19" s="63">
        <v>7290.29</v>
      </c>
      <c r="E19" s="63">
        <v>25.41</v>
      </c>
      <c r="F19" s="63">
        <v>40.36</v>
      </c>
      <c r="G19" s="15">
        <v>0</v>
      </c>
      <c r="H19" s="20">
        <v>2.17</v>
      </c>
      <c r="I19" s="24">
        <v>0</v>
      </c>
      <c r="J19" s="15">
        <v>157.84</v>
      </c>
      <c r="K19" s="20">
        <v>112.41</v>
      </c>
      <c r="L19" s="68">
        <v>10339.450000000001</v>
      </c>
      <c r="M19" s="63">
        <v>270.25</v>
      </c>
      <c r="N19" s="72">
        <v>10609.7</v>
      </c>
      <c r="O19" s="3"/>
      <c r="P19" s="3"/>
    </row>
    <row r="20" spans="1:16" ht="18.75" customHeight="1" x14ac:dyDescent="0.15">
      <c r="A20" s="49" t="s">
        <v>25</v>
      </c>
      <c r="B20" s="13" t="s">
        <v>4</v>
      </c>
      <c r="C20" s="64">
        <v>1252.567</v>
      </c>
      <c r="D20" s="64">
        <v>2257.3200000000002</v>
      </c>
      <c r="E20" s="64">
        <v>4.5810000000000004</v>
      </c>
      <c r="F20" s="64">
        <v>7.2510000000000003</v>
      </c>
      <c r="G20" s="1">
        <v>0</v>
      </c>
      <c r="H20" s="23">
        <v>0.59899999999999998</v>
      </c>
      <c r="I20" s="25">
        <v>0</v>
      </c>
      <c r="J20" s="1">
        <v>20.213000000000001</v>
      </c>
      <c r="K20" s="23">
        <v>14.317</v>
      </c>
      <c r="L20" s="70">
        <v>3522.3180000000002</v>
      </c>
      <c r="M20" s="64">
        <v>34.53</v>
      </c>
      <c r="N20" s="73">
        <v>3556.848</v>
      </c>
      <c r="O20" s="3"/>
      <c r="P20" s="3"/>
    </row>
    <row r="21" spans="1:16" ht="18.75" customHeight="1" x14ac:dyDescent="0.15">
      <c r="A21" s="49" t="s">
        <v>25</v>
      </c>
      <c r="B21" s="13" t="s">
        <v>5</v>
      </c>
      <c r="C21" s="64">
        <v>47.877000000000002</v>
      </c>
      <c r="D21" s="64">
        <v>80.509</v>
      </c>
      <c r="E21" s="64">
        <v>0.2</v>
      </c>
      <c r="F21" s="64">
        <v>0.317</v>
      </c>
      <c r="G21" s="1">
        <v>0</v>
      </c>
      <c r="H21" s="23">
        <v>2.1999999999999999E-2</v>
      </c>
      <c r="I21" s="25">
        <v>0</v>
      </c>
      <c r="J21" s="1">
        <v>0.28799999999999998</v>
      </c>
      <c r="K21" s="23">
        <v>0.20499999999999999</v>
      </c>
      <c r="L21" s="70">
        <v>128.92500000000001</v>
      </c>
      <c r="M21" s="64">
        <v>0.49299999999999999</v>
      </c>
      <c r="N21" s="73">
        <v>129.41800000000001</v>
      </c>
      <c r="O21" s="3"/>
      <c r="P21" s="3"/>
    </row>
    <row r="22" spans="1:16" ht="18.75" customHeight="1" x14ac:dyDescent="0.15">
      <c r="A22" s="48" t="s">
        <v>26</v>
      </c>
      <c r="B22" s="12" t="s">
        <v>3</v>
      </c>
      <c r="C22" s="63">
        <v>5069.1899999999996</v>
      </c>
      <c r="D22" s="63">
        <v>8576.7199999999993</v>
      </c>
      <c r="E22" s="63">
        <v>114.23</v>
      </c>
      <c r="F22" s="63">
        <v>33.700000000000003</v>
      </c>
      <c r="G22" s="15">
        <v>0.35</v>
      </c>
      <c r="H22" s="20">
        <v>7.64</v>
      </c>
      <c r="I22" s="24">
        <v>0</v>
      </c>
      <c r="J22" s="15">
        <v>165.79</v>
      </c>
      <c r="K22" s="20">
        <v>45.9</v>
      </c>
      <c r="L22" s="68">
        <v>13801.83</v>
      </c>
      <c r="M22" s="63">
        <v>211.69</v>
      </c>
      <c r="N22" s="72">
        <v>14013.52</v>
      </c>
      <c r="O22" s="3"/>
      <c r="P22" s="3"/>
    </row>
    <row r="23" spans="1:16" ht="18.75" customHeight="1" thickBot="1" x14ac:dyDescent="0.2">
      <c r="A23" s="49" t="s">
        <v>26</v>
      </c>
      <c r="B23" s="13" t="s">
        <v>4</v>
      </c>
      <c r="C23" s="64">
        <v>2559.9</v>
      </c>
      <c r="D23" s="64">
        <v>3125.2069999999999</v>
      </c>
      <c r="E23" s="64">
        <v>24.8</v>
      </c>
      <c r="F23" s="64">
        <v>7.3869999999999996</v>
      </c>
      <c r="G23" s="1">
        <v>7.6999999999999999E-2</v>
      </c>
      <c r="H23" s="23">
        <v>2.4380000000000002</v>
      </c>
      <c r="I23" s="25">
        <v>0</v>
      </c>
      <c r="J23" s="1">
        <v>23.353999999999999</v>
      </c>
      <c r="K23" s="23">
        <v>6.4690000000000003</v>
      </c>
      <c r="L23" s="70">
        <v>5719.8090000000002</v>
      </c>
      <c r="M23" s="64">
        <v>29.823</v>
      </c>
      <c r="N23" s="73">
        <v>5749.6319999999996</v>
      </c>
      <c r="O23" s="3"/>
    </row>
    <row r="24" spans="1:16" ht="18.75" customHeight="1" x14ac:dyDescent="0.15">
      <c r="A24" s="49" t="s">
        <v>26</v>
      </c>
      <c r="B24" s="13" t="s">
        <v>5</v>
      </c>
      <c r="C24" s="64">
        <v>74.819000000000003</v>
      </c>
      <c r="D24" s="64">
        <v>87.724999999999994</v>
      </c>
      <c r="E24" s="64">
        <v>0.67200000000000004</v>
      </c>
      <c r="F24" s="64">
        <v>0.20399999999999999</v>
      </c>
      <c r="G24" s="1">
        <v>3.0000000000000001E-3</v>
      </c>
      <c r="H24" s="23">
        <v>7.0999999999999994E-2</v>
      </c>
      <c r="I24" s="25">
        <v>0</v>
      </c>
      <c r="J24" s="1">
        <v>0.307</v>
      </c>
      <c r="K24" s="23">
        <v>8.5999999999999993E-2</v>
      </c>
      <c r="L24" s="70">
        <v>163.494</v>
      </c>
      <c r="M24" s="64">
        <v>0.39300000000000002</v>
      </c>
      <c r="N24" s="73">
        <v>163.887</v>
      </c>
      <c r="O24" s="33"/>
    </row>
    <row r="25" spans="1:16" ht="18.75" customHeight="1" x14ac:dyDescent="0.15">
      <c r="A25" s="48" t="s">
        <v>27</v>
      </c>
      <c r="B25" s="12" t="s">
        <v>3</v>
      </c>
      <c r="C25" s="63">
        <v>9295.68</v>
      </c>
      <c r="D25" s="63">
        <v>11701.63</v>
      </c>
      <c r="E25" s="63">
        <v>1682.16</v>
      </c>
      <c r="F25" s="63">
        <v>102.34</v>
      </c>
      <c r="G25" s="15">
        <v>0</v>
      </c>
      <c r="H25" s="20">
        <v>0.24</v>
      </c>
      <c r="I25" s="24">
        <v>0</v>
      </c>
      <c r="J25" s="15">
        <v>19.690000000000001</v>
      </c>
      <c r="K25" s="20">
        <v>14.77</v>
      </c>
      <c r="L25" s="68">
        <v>22782.05</v>
      </c>
      <c r="M25" s="63">
        <v>34.46</v>
      </c>
      <c r="N25" s="72">
        <v>22816.51</v>
      </c>
      <c r="O25" s="34"/>
    </row>
    <row r="26" spans="1:16" ht="18.75" customHeight="1" x14ac:dyDescent="0.15">
      <c r="A26" s="49" t="s">
        <v>27</v>
      </c>
      <c r="B26" s="13" t="s">
        <v>4</v>
      </c>
      <c r="C26" s="64">
        <v>5449.348</v>
      </c>
      <c r="D26" s="64">
        <v>4933.558</v>
      </c>
      <c r="E26" s="64">
        <v>420.19499999999999</v>
      </c>
      <c r="F26" s="64">
        <v>24.523</v>
      </c>
      <c r="G26" s="1">
        <v>0</v>
      </c>
      <c r="H26" s="23">
        <v>9.6000000000000002E-2</v>
      </c>
      <c r="I26" s="25">
        <v>0</v>
      </c>
      <c r="J26" s="1">
        <v>2.976</v>
      </c>
      <c r="K26" s="23">
        <v>1.7649999999999999</v>
      </c>
      <c r="L26" s="70">
        <v>10827.72</v>
      </c>
      <c r="M26" s="64">
        <v>4.7409999999999997</v>
      </c>
      <c r="N26" s="73">
        <v>10832.460999999999</v>
      </c>
      <c r="O26" s="34"/>
      <c r="P26" s="3"/>
    </row>
    <row r="27" spans="1:16" ht="18.75" customHeight="1" x14ac:dyDescent="0.15">
      <c r="A27" s="49" t="s">
        <v>27</v>
      </c>
      <c r="B27" s="13" t="s">
        <v>5</v>
      </c>
      <c r="C27" s="64">
        <v>126.238</v>
      </c>
      <c r="D27" s="64">
        <v>116.976</v>
      </c>
      <c r="E27" s="64">
        <v>9.9339999999999993</v>
      </c>
      <c r="F27" s="64">
        <v>0.58499999999999996</v>
      </c>
      <c r="G27" s="1">
        <v>0</v>
      </c>
      <c r="H27" s="23">
        <v>3.0000000000000001E-3</v>
      </c>
      <c r="I27" s="25">
        <v>0</v>
      </c>
      <c r="J27" s="1">
        <v>3.2000000000000001E-2</v>
      </c>
      <c r="K27" s="23">
        <v>2.1999999999999999E-2</v>
      </c>
      <c r="L27" s="70">
        <v>253.73599999999999</v>
      </c>
      <c r="M27" s="64">
        <v>5.3999999999999999E-2</v>
      </c>
      <c r="N27" s="73">
        <v>253.79</v>
      </c>
      <c r="O27" s="34"/>
      <c r="P27" s="3"/>
    </row>
    <row r="28" spans="1:16" ht="18.75" customHeight="1" thickBot="1" x14ac:dyDescent="0.2">
      <c r="A28" s="48" t="s">
        <v>28</v>
      </c>
      <c r="B28" s="12" t="s">
        <v>3</v>
      </c>
      <c r="C28" s="63">
        <v>10230.719999999999</v>
      </c>
      <c r="D28" s="63">
        <v>8130.3</v>
      </c>
      <c r="E28" s="63">
        <v>5483.85</v>
      </c>
      <c r="F28" s="63">
        <v>394.78</v>
      </c>
      <c r="G28" s="15">
        <v>1.29</v>
      </c>
      <c r="H28" s="20">
        <v>0.83</v>
      </c>
      <c r="I28" s="24">
        <v>0</v>
      </c>
      <c r="J28" s="15">
        <v>6.33</v>
      </c>
      <c r="K28" s="20">
        <v>2.09</v>
      </c>
      <c r="L28" s="68">
        <v>24241.770000000004</v>
      </c>
      <c r="M28" s="63">
        <v>8.42</v>
      </c>
      <c r="N28" s="72">
        <v>24250.190000000002</v>
      </c>
      <c r="O28" s="35"/>
      <c r="P28" s="3"/>
    </row>
    <row r="29" spans="1:16" ht="18.75" customHeight="1" x14ac:dyDescent="0.15">
      <c r="A29" s="49" t="s">
        <v>28</v>
      </c>
      <c r="B29" s="13" t="s">
        <v>4</v>
      </c>
      <c r="C29" s="64">
        <v>6589.76</v>
      </c>
      <c r="D29" s="64">
        <v>3828.627</v>
      </c>
      <c r="E29" s="64">
        <v>1523.396</v>
      </c>
      <c r="F29" s="64">
        <v>108.291</v>
      </c>
      <c r="G29" s="1">
        <v>0.36099999999999999</v>
      </c>
      <c r="H29" s="23">
        <v>0.45</v>
      </c>
      <c r="I29" s="25">
        <v>0</v>
      </c>
      <c r="J29" s="1">
        <v>1.02</v>
      </c>
      <c r="K29" s="23">
        <v>0.28799999999999998</v>
      </c>
      <c r="L29" s="70">
        <v>12050.885</v>
      </c>
      <c r="M29" s="64">
        <v>1.3080000000000001</v>
      </c>
      <c r="N29" s="73">
        <v>12052.192999999999</v>
      </c>
      <c r="O29" s="3"/>
    </row>
    <row r="30" spans="1:16" ht="18.75" customHeight="1" x14ac:dyDescent="0.15">
      <c r="A30" s="49" t="s">
        <v>28</v>
      </c>
      <c r="B30" s="13" t="s">
        <v>5</v>
      </c>
      <c r="C30" s="64">
        <v>120.437</v>
      </c>
      <c r="D30" s="64">
        <v>73.864999999999995</v>
      </c>
      <c r="E30" s="64">
        <v>32.582999999999998</v>
      </c>
      <c r="F30" s="64">
        <v>2.2989999999999999</v>
      </c>
      <c r="G30" s="1">
        <v>8.0000000000000002E-3</v>
      </c>
      <c r="H30" s="23">
        <v>8.0000000000000002E-3</v>
      </c>
      <c r="I30" s="25">
        <v>0</v>
      </c>
      <c r="J30" s="1">
        <v>7.0000000000000001E-3</v>
      </c>
      <c r="K30" s="23">
        <v>4.0000000000000001E-3</v>
      </c>
      <c r="L30" s="70">
        <v>229.2</v>
      </c>
      <c r="M30" s="64">
        <v>1.0999999999999999E-2</v>
      </c>
      <c r="N30" s="73">
        <v>229.21100000000001</v>
      </c>
      <c r="O30" s="3"/>
    </row>
    <row r="31" spans="1:16" ht="18.75" customHeight="1" x14ac:dyDescent="0.15">
      <c r="A31" s="48" t="s">
        <v>29</v>
      </c>
      <c r="B31" s="12" t="s">
        <v>3</v>
      </c>
      <c r="C31" s="63">
        <v>11648.84</v>
      </c>
      <c r="D31" s="63">
        <v>4716.46</v>
      </c>
      <c r="E31" s="63">
        <v>10010.86</v>
      </c>
      <c r="F31" s="63">
        <v>837.06</v>
      </c>
      <c r="G31" s="15">
        <v>0</v>
      </c>
      <c r="H31" s="20">
        <v>2</v>
      </c>
      <c r="I31" s="24">
        <v>0</v>
      </c>
      <c r="J31" s="15">
        <v>3.39</v>
      </c>
      <c r="K31" s="20">
        <v>10.44</v>
      </c>
      <c r="L31" s="68">
        <v>27215.22</v>
      </c>
      <c r="M31" s="63">
        <v>13.83</v>
      </c>
      <c r="N31" s="72">
        <v>27229.050000000003</v>
      </c>
      <c r="O31" s="3"/>
    </row>
    <row r="32" spans="1:16" ht="18.75" customHeight="1" x14ac:dyDescent="0.15">
      <c r="A32" s="49" t="s">
        <v>29</v>
      </c>
      <c r="B32" s="13" t="s">
        <v>4</v>
      </c>
      <c r="C32" s="64">
        <v>8277.0830000000005</v>
      </c>
      <c r="D32" s="64">
        <v>2467.328</v>
      </c>
      <c r="E32" s="64">
        <v>3054.627</v>
      </c>
      <c r="F32" s="64">
        <v>250.386</v>
      </c>
      <c r="G32" s="1">
        <v>0</v>
      </c>
      <c r="H32" s="23">
        <v>1.105</v>
      </c>
      <c r="I32" s="25">
        <v>0</v>
      </c>
      <c r="J32" s="1">
        <v>0.57299999999999995</v>
      </c>
      <c r="K32" s="23">
        <v>0.77500000000000002</v>
      </c>
      <c r="L32" s="70">
        <v>14050.529</v>
      </c>
      <c r="M32" s="64">
        <v>1.3480000000000001</v>
      </c>
      <c r="N32" s="73">
        <v>14051.877</v>
      </c>
      <c r="O32" s="3"/>
    </row>
    <row r="33" spans="1:15" ht="18.75" customHeight="1" x14ac:dyDescent="0.15">
      <c r="A33" s="49" t="s">
        <v>29</v>
      </c>
      <c r="B33" s="13" t="s">
        <v>5</v>
      </c>
      <c r="C33" s="64">
        <v>126.78</v>
      </c>
      <c r="D33" s="64">
        <v>41.878999999999998</v>
      </c>
      <c r="E33" s="64">
        <v>59.081000000000003</v>
      </c>
      <c r="F33" s="64">
        <v>4.8380000000000001</v>
      </c>
      <c r="G33" s="1">
        <v>0</v>
      </c>
      <c r="H33" s="23">
        <v>1.7000000000000001E-2</v>
      </c>
      <c r="I33" s="25">
        <v>0</v>
      </c>
      <c r="J33" s="1">
        <v>8.0000000000000002E-3</v>
      </c>
      <c r="K33" s="23">
        <v>8.9999999999999993E-3</v>
      </c>
      <c r="L33" s="70">
        <v>232.595</v>
      </c>
      <c r="M33" s="64">
        <v>1.7000000000000001E-2</v>
      </c>
      <c r="N33" s="73">
        <v>232.61199999999999</v>
      </c>
      <c r="O33" s="3"/>
    </row>
    <row r="34" spans="1:15" ht="18.75" customHeight="1" x14ac:dyDescent="0.15">
      <c r="A34" s="48" t="s">
        <v>30</v>
      </c>
      <c r="B34" s="12" t="s">
        <v>3</v>
      </c>
      <c r="C34" s="63">
        <v>9540.4699999999993</v>
      </c>
      <c r="D34" s="63">
        <v>2460.3200000000002</v>
      </c>
      <c r="E34" s="63">
        <v>8953.2999999999993</v>
      </c>
      <c r="F34" s="63">
        <v>1013.46</v>
      </c>
      <c r="G34" s="15">
        <v>19.16</v>
      </c>
      <c r="H34" s="20">
        <v>0.35</v>
      </c>
      <c r="I34" s="24">
        <v>0</v>
      </c>
      <c r="J34" s="15">
        <v>7.48</v>
      </c>
      <c r="K34" s="20">
        <v>4.12</v>
      </c>
      <c r="L34" s="68">
        <v>21987.059999999994</v>
      </c>
      <c r="M34" s="63">
        <v>11.600000000000001</v>
      </c>
      <c r="N34" s="72">
        <v>21998.659999999993</v>
      </c>
      <c r="O34" s="3"/>
    </row>
    <row r="35" spans="1:15" ht="18.75" customHeight="1" x14ac:dyDescent="0.15">
      <c r="A35" s="49" t="s">
        <v>30</v>
      </c>
      <c r="B35" s="13" t="s">
        <v>4</v>
      </c>
      <c r="C35" s="64">
        <v>7281.0659999999998</v>
      </c>
      <c r="D35" s="64">
        <v>1402.318</v>
      </c>
      <c r="E35" s="64">
        <v>2963.576</v>
      </c>
      <c r="F35" s="64">
        <v>324.65499999999997</v>
      </c>
      <c r="G35" s="1">
        <v>6.5149999999999997</v>
      </c>
      <c r="H35" s="23">
        <v>0.17499999999999999</v>
      </c>
      <c r="I35" s="25">
        <v>0</v>
      </c>
      <c r="J35" s="1">
        <v>0.998</v>
      </c>
      <c r="K35" s="23">
        <v>0.64800000000000002</v>
      </c>
      <c r="L35" s="70">
        <v>11978.305</v>
      </c>
      <c r="M35" s="64">
        <v>1.6459999999999999</v>
      </c>
      <c r="N35" s="73">
        <v>11979.950999999999</v>
      </c>
      <c r="O35" s="3"/>
    </row>
    <row r="36" spans="1:15" ht="18.75" customHeight="1" x14ac:dyDescent="0.15">
      <c r="A36" s="49" t="s">
        <v>30</v>
      </c>
      <c r="B36" s="13" t="s">
        <v>5</v>
      </c>
      <c r="C36" s="64">
        <v>88.4</v>
      </c>
      <c r="D36" s="64">
        <v>19.977</v>
      </c>
      <c r="E36" s="64">
        <v>52.347000000000001</v>
      </c>
      <c r="F36" s="64">
        <v>5.7229999999999999</v>
      </c>
      <c r="G36" s="1">
        <v>0.115</v>
      </c>
      <c r="H36" s="23">
        <v>2E-3</v>
      </c>
      <c r="I36" s="25">
        <v>0</v>
      </c>
      <c r="J36" s="1">
        <v>5.0000000000000001E-3</v>
      </c>
      <c r="K36" s="23">
        <v>3.0000000000000001E-3</v>
      </c>
      <c r="L36" s="70">
        <v>166.56399999999999</v>
      </c>
      <c r="M36" s="64">
        <v>8.0000000000000002E-3</v>
      </c>
      <c r="N36" s="73">
        <v>166.572</v>
      </c>
      <c r="O36" s="3"/>
    </row>
    <row r="37" spans="1:15" ht="18.75" customHeight="1" x14ac:dyDescent="0.15">
      <c r="A37" s="48" t="s">
        <v>31</v>
      </c>
      <c r="B37" s="12" t="s">
        <v>3</v>
      </c>
      <c r="C37" s="63">
        <v>12203.78</v>
      </c>
      <c r="D37" s="63">
        <v>2059.52</v>
      </c>
      <c r="E37" s="63">
        <v>8048.23</v>
      </c>
      <c r="F37" s="63">
        <v>1510.06</v>
      </c>
      <c r="G37" s="15">
        <v>39.11</v>
      </c>
      <c r="H37" s="20">
        <v>2.08</v>
      </c>
      <c r="I37" s="24">
        <v>0</v>
      </c>
      <c r="J37" s="15">
        <v>13.46</v>
      </c>
      <c r="K37" s="20">
        <v>3.68</v>
      </c>
      <c r="L37" s="68">
        <v>23862.780000000002</v>
      </c>
      <c r="M37" s="63">
        <v>17.14</v>
      </c>
      <c r="N37" s="72">
        <v>23879.920000000002</v>
      </c>
      <c r="O37" s="3"/>
    </row>
    <row r="38" spans="1:15" ht="18.75" customHeight="1" x14ac:dyDescent="0.15">
      <c r="A38" s="49" t="s">
        <v>31</v>
      </c>
      <c r="B38" s="13" t="s">
        <v>4</v>
      </c>
      <c r="C38" s="64">
        <v>9949.4459999999999</v>
      </c>
      <c r="D38" s="64">
        <v>1244.625</v>
      </c>
      <c r="E38" s="64">
        <v>2888.6089999999999</v>
      </c>
      <c r="F38" s="64">
        <v>516.995</v>
      </c>
      <c r="G38" s="1">
        <v>14.157999999999999</v>
      </c>
      <c r="H38" s="23">
        <v>1.27</v>
      </c>
      <c r="I38" s="25">
        <v>0</v>
      </c>
      <c r="J38" s="1">
        <v>2.4329999999999998</v>
      </c>
      <c r="K38" s="23">
        <v>0.56399999999999995</v>
      </c>
      <c r="L38" s="70">
        <v>14615.102999999999</v>
      </c>
      <c r="M38" s="64">
        <v>2.9969999999999999</v>
      </c>
      <c r="N38" s="73">
        <v>14618.1</v>
      </c>
      <c r="O38" s="3"/>
    </row>
    <row r="39" spans="1:15" ht="18.75" customHeight="1" x14ac:dyDescent="0.15">
      <c r="A39" s="49" t="s">
        <v>31</v>
      </c>
      <c r="B39" s="13" t="s">
        <v>5</v>
      </c>
      <c r="C39" s="64">
        <v>101.642</v>
      </c>
      <c r="D39" s="64">
        <v>14.637</v>
      </c>
      <c r="E39" s="64">
        <v>30.992000000000001</v>
      </c>
      <c r="F39" s="64">
        <v>5.4459999999999997</v>
      </c>
      <c r="G39" s="1">
        <v>0.152</v>
      </c>
      <c r="H39" s="23">
        <v>1.6E-2</v>
      </c>
      <c r="I39" s="25">
        <v>0</v>
      </c>
      <c r="J39" s="1">
        <v>4.0000000000000001E-3</v>
      </c>
      <c r="K39" s="23">
        <v>2E-3</v>
      </c>
      <c r="L39" s="70">
        <v>152.88499999999999</v>
      </c>
      <c r="M39" s="64">
        <v>6.0000000000000001E-3</v>
      </c>
      <c r="N39" s="73">
        <v>152.89099999999999</v>
      </c>
      <c r="O39" s="3"/>
    </row>
    <row r="40" spans="1:15" ht="18.75" customHeight="1" x14ac:dyDescent="0.15">
      <c r="A40" s="48" t="s">
        <v>32</v>
      </c>
      <c r="B40" s="12" t="s">
        <v>3</v>
      </c>
      <c r="C40" s="63">
        <v>6992.64</v>
      </c>
      <c r="D40" s="63">
        <v>1039.0999999999999</v>
      </c>
      <c r="E40" s="63">
        <v>2587.7600000000002</v>
      </c>
      <c r="F40" s="63">
        <v>1024.9000000000001</v>
      </c>
      <c r="G40" s="15">
        <v>30.59</v>
      </c>
      <c r="H40" s="20">
        <v>2.25</v>
      </c>
      <c r="I40" s="24">
        <v>0</v>
      </c>
      <c r="J40" s="15">
        <v>17.37</v>
      </c>
      <c r="K40" s="20">
        <v>25.07</v>
      </c>
      <c r="L40" s="68">
        <v>11677.24</v>
      </c>
      <c r="M40" s="63">
        <v>42.44</v>
      </c>
      <c r="N40" s="72">
        <v>11719.68</v>
      </c>
      <c r="O40" s="3"/>
    </row>
    <row r="41" spans="1:15" ht="18.75" customHeight="1" x14ac:dyDescent="0.15">
      <c r="A41" s="49" t="s">
        <v>32</v>
      </c>
      <c r="B41" s="13" t="s">
        <v>4</v>
      </c>
      <c r="C41" s="64">
        <v>6016.9830000000002</v>
      </c>
      <c r="D41" s="64">
        <v>662.09100000000001</v>
      </c>
      <c r="E41" s="64">
        <v>977.33500000000004</v>
      </c>
      <c r="F41" s="64">
        <v>378.40699999999998</v>
      </c>
      <c r="G41" s="1">
        <v>11.89</v>
      </c>
      <c r="H41" s="23">
        <v>1.228</v>
      </c>
      <c r="I41" s="25">
        <v>0</v>
      </c>
      <c r="J41" s="1">
        <v>3.2639999999999998</v>
      </c>
      <c r="K41" s="23">
        <v>4.2190000000000003</v>
      </c>
      <c r="L41" s="70">
        <v>8047.9340000000002</v>
      </c>
      <c r="M41" s="64">
        <v>7.4829999999999997</v>
      </c>
      <c r="N41" s="73">
        <v>8055.4170000000004</v>
      </c>
      <c r="O41" s="3"/>
    </row>
    <row r="42" spans="1:15" ht="18.75" customHeight="1" x14ac:dyDescent="0.15">
      <c r="A42" s="49" t="s">
        <v>32</v>
      </c>
      <c r="B42" s="13" t="s">
        <v>5</v>
      </c>
      <c r="C42" s="64">
        <v>51.235999999999997</v>
      </c>
      <c r="D42" s="64">
        <v>7.0119999999999996</v>
      </c>
      <c r="E42" s="64">
        <v>9.9</v>
      </c>
      <c r="F42" s="64">
        <v>3.7949999999999999</v>
      </c>
      <c r="G42" s="1">
        <v>0.121</v>
      </c>
      <c r="H42" s="23">
        <v>1.4E-2</v>
      </c>
      <c r="I42" s="25">
        <v>0</v>
      </c>
      <c r="J42" s="1">
        <v>5.0000000000000001E-3</v>
      </c>
      <c r="K42" s="23">
        <v>1.9E-2</v>
      </c>
      <c r="L42" s="70">
        <v>72.078000000000003</v>
      </c>
      <c r="M42" s="64">
        <v>2.4E-2</v>
      </c>
      <c r="N42" s="73">
        <v>72.102000000000004</v>
      </c>
      <c r="O42" s="3"/>
    </row>
    <row r="43" spans="1:15" ht="18.75" customHeight="1" x14ac:dyDescent="0.15">
      <c r="A43" s="48" t="s">
        <v>33</v>
      </c>
      <c r="B43" s="12" t="s">
        <v>3</v>
      </c>
      <c r="C43" s="63">
        <v>1803.33</v>
      </c>
      <c r="D43" s="63">
        <v>275.11</v>
      </c>
      <c r="E43" s="63">
        <v>419.38</v>
      </c>
      <c r="F43" s="63">
        <v>336.24</v>
      </c>
      <c r="G43" s="15">
        <v>5.84</v>
      </c>
      <c r="H43" s="20">
        <v>0.32</v>
      </c>
      <c r="I43" s="24">
        <v>0</v>
      </c>
      <c r="J43" s="15">
        <v>18.04</v>
      </c>
      <c r="K43" s="20">
        <v>4.7300000000000004</v>
      </c>
      <c r="L43" s="68">
        <v>2840.2200000000007</v>
      </c>
      <c r="M43" s="63">
        <v>22.77</v>
      </c>
      <c r="N43" s="72">
        <v>2862.9900000000007</v>
      </c>
      <c r="O43" s="3"/>
    </row>
    <row r="44" spans="1:15" ht="18.75" customHeight="1" x14ac:dyDescent="0.15">
      <c r="A44" s="49" t="s">
        <v>33</v>
      </c>
      <c r="B44" s="13" t="s">
        <v>4</v>
      </c>
      <c r="C44" s="64">
        <v>1594.15</v>
      </c>
      <c r="D44" s="64">
        <v>183.255</v>
      </c>
      <c r="E44" s="64">
        <v>162.35300000000001</v>
      </c>
      <c r="F44" s="64">
        <v>128.28200000000001</v>
      </c>
      <c r="G44" s="1">
        <v>2.395</v>
      </c>
      <c r="H44" s="23">
        <v>0.21199999999999999</v>
      </c>
      <c r="I44" s="25">
        <v>0</v>
      </c>
      <c r="J44" s="1">
        <v>3.3959999999999999</v>
      </c>
      <c r="K44" s="23">
        <v>0.70499999999999996</v>
      </c>
      <c r="L44" s="70">
        <v>2070.6469999999999</v>
      </c>
      <c r="M44" s="64">
        <v>4.101</v>
      </c>
      <c r="N44" s="73">
        <v>2074.748</v>
      </c>
      <c r="O44" s="3"/>
    </row>
    <row r="45" spans="1:15" ht="18.75" customHeight="1" x14ac:dyDescent="0.15">
      <c r="A45" s="49" t="s">
        <v>33</v>
      </c>
      <c r="B45" s="13" t="s">
        <v>5</v>
      </c>
      <c r="C45" s="64">
        <v>11.228999999999999</v>
      </c>
      <c r="D45" s="64">
        <v>1.6679999999999999</v>
      </c>
      <c r="E45" s="64">
        <v>1.569</v>
      </c>
      <c r="F45" s="64">
        <v>1.2170000000000001</v>
      </c>
      <c r="G45" s="1">
        <v>2.3E-2</v>
      </c>
      <c r="H45" s="23">
        <v>2E-3</v>
      </c>
      <c r="I45" s="25">
        <v>0</v>
      </c>
      <c r="J45" s="1">
        <v>0.01</v>
      </c>
      <c r="K45" s="23">
        <v>2E-3</v>
      </c>
      <c r="L45" s="70">
        <v>15.708</v>
      </c>
      <c r="M45" s="64">
        <v>1.2E-2</v>
      </c>
      <c r="N45" s="73">
        <v>15.72</v>
      </c>
      <c r="O45" s="3"/>
    </row>
    <row r="46" spans="1:15" ht="18.75" customHeight="1" x14ac:dyDescent="0.15">
      <c r="A46" s="48" t="s">
        <v>13</v>
      </c>
      <c r="B46" s="12" t="s">
        <v>3</v>
      </c>
      <c r="C46" s="63">
        <v>956.06</v>
      </c>
      <c r="D46" s="63">
        <v>182.58</v>
      </c>
      <c r="E46" s="63">
        <v>125.97</v>
      </c>
      <c r="F46" s="63">
        <v>193.1</v>
      </c>
      <c r="G46" s="15">
        <v>0.79</v>
      </c>
      <c r="H46" s="20">
        <v>0.36</v>
      </c>
      <c r="I46" s="24">
        <v>0</v>
      </c>
      <c r="J46" s="15">
        <v>10.38</v>
      </c>
      <c r="K46" s="20">
        <v>12.86</v>
      </c>
      <c r="L46" s="68">
        <v>1458.8599999999997</v>
      </c>
      <c r="M46" s="63">
        <v>23.240000000000002</v>
      </c>
      <c r="N46" s="72">
        <v>1482.0999999999997</v>
      </c>
      <c r="O46" s="3"/>
    </row>
    <row r="47" spans="1:15" ht="18.75" customHeight="1" x14ac:dyDescent="0.15">
      <c r="A47" s="49" t="s">
        <v>13</v>
      </c>
      <c r="B47" s="13" t="s">
        <v>4</v>
      </c>
      <c r="C47" s="64">
        <v>865.58799999999997</v>
      </c>
      <c r="D47" s="64">
        <v>120.44799999999999</v>
      </c>
      <c r="E47" s="64">
        <v>48.701000000000001</v>
      </c>
      <c r="F47" s="64">
        <v>73.174000000000007</v>
      </c>
      <c r="G47" s="1">
        <v>0.20399999999999999</v>
      </c>
      <c r="H47" s="23">
        <v>0.186</v>
      </c>
      <c r="I47" s="25">
        <v>0</v>
      </c>
      <c r="J47" s="1">
        <v>2.081</v>
      </c>
      <c r="K47" s="23">
        <v>1.298</v>
      </c>
      <c r="L47" s="70">
        <v>1108.3009999999999</v>
      </c>
      <c r="M47" s="64">
        <v>3.379</v>
      </c>
      <c r="N47" s="73">
        <v>1111.68</v>
      </c>
      <c r="O47" s="3"/>
    </row>
    <row r="48" spans="1:15" ht="18.75" customHeight="1" x14ac:dyDescent="0.15">
      <c r="A48" s="49" t="s">
        <v>13</v>
      </c>
      <c r="B48" s="13" t="s">
        <v>5</v>
      </c>
      <c r="C48" s="64">
        <v>5.1219999999999999</v>
      </c>
      <c r="D48" s="64">
        <v>0.99</v>
      </c>
      <c r="E48" s="64">
        <v>0.19600000000000001</v>
      </c>
      <c r="F48" s="64">
        <v>0.311</v>
      </c>
      <c r="G48" s="1">
        <v>1E-3</v>
      </c>
      <c r="H48" s="23">
        <v>1E-3</v>
      </c>
      <c r="I48" s="25">
        <v>0</v>
      </c>
      <c r="J48" s="1">
        <v>6.0000000000000001E-3</v>
      </c>
      <c r="K48" s="23">
        <v>7.0000000000000001E-3</v>
      </c>
      <c r="L48" s="70">
        <v>6.6210000000000004</v>
      </c>
      <c r="M48" s="64">
        <v>1.2999999999999999E-2</v>
      </c>
      <c r="N48" s="73">
        <v>6.6340000000000003</v>
      </c>
      <c r="O48" s="3"/>
    </row>
    <row r="49" spans="1:15" ht="18.75" customHeight="1" x14ac:dyDescent="0.15">
      <c r="A49" s="56" t="s">
        <v>14</v>
      </c>
      <c r="B49" s="12" t="s">
        <v>3</v>
      </c>
      <c r="C49" s="63">
        <v>717.46</v>
      </c>
      <c r="D49" s="63">
        <v>183.64</v>
      </c>
      <c r="E49" s="63">
        <v>79.72</v>
      </c>
      <c r="F49" s="63">
        <v>128.58000000000001</v>
      </c>
      <c r="G49" s="15">
        <v>0.22</v>
      </c>
      <c r="H49" s="20">
        <v>0</v>
      </c>
      <c r="I49" s="24">
        <v>0</v>
      </c>
      <c r="J49" s="15">
        <v>3.76</v>
      </c>
      <c r="K49" s="20">
        <v>2.71</v>
      </c>
      <c r="L49" s="68">
        <v>1109.6200000000001</v>
      </c>
      <c r="M49" s="63">
        <v>6.47</v>
      </c>
      <c r="N49" s="72">
        <v>1116.0900000000001</v>
      </c>
      <c r="O49" s="3"/>
    </row>
    <row r="50" spans="1:15" ht="18.75" customHeight="1" x14ac:dyDescent="0.15">
      <c r="A50" s="57" t="s">
        <v>14</v>
      </c>
      <c r="B50" s="13" t="s">
        <v>4</v>
      </c>
      <c r="C50" s="64">
        <v>673.846</v>
      </c>
      <c r="D50" s="64">
        <v>128.76400000000001</v>
      </c>
      <c r="E50" s="64">
        <v>33.395000000000003</v>
      </c>
      <c r="F50" s="64">
        <v>50.06</v>
      </c>
      <c r="G50" s="1">
        <v>9.7000000000000003E-2</v>
      </c>
      <c r="H50" s="23">
        <v>0</v>
      </c>
      <c r="I50" s="25">
        <v>0</v>
      </c>
      <c r="J50" s="1">
        <v>0.77500000000000002</v>
      </c>
      <c r="K50" s="23">
        <v>0.38900000000000001</v>
      </c>
      <c r="L50" s="70">
        <v>886.16200000000003</v>
      </c>
      <c r="M50" s="64">
        <v>1.1639999999999999</v>
      </c>
      <c r="N50" s="73">
        <v>887.32600000000002</v>
      </c>
      <c r="O50" s="3"/>
    </row>
    <row r="51" spans="1:15" ht="18.75" customHeight="1" x14ac:dyDescent="0.15">
      <c r="A51" s="57" t="s">
        <v>14</v>
      </c>
      <c r="B51" s="13" t="s">
        <v>5</v>
      </c>
      <c r="C51" s="64">
        <v>3.6339999999999999</v>
      </c>
      <c r="D51" s="64">
        <v>0.82399999999999995</v>
      </c>
      <c r="E51" s="64">
        <v>0.30299999999999999</v>
      </c>
      <c r="F51" s="64">
        <v>0.441</v>
      </c>
      <c r="G51" s="1">
        <v>1E-3</v>
      </c>
      <c r="H51" s="23">
        <v>0</v>
      </c>
      <c r="I51" s="25">
        <v>0</v>
      </c>
      <c r="J51" s="1">
        <v>0</v>
      </c>
      <c r="K51" s="23">
        <v>2E-3</v>
      </c>
      <c r="L51" s="70">
        <v>5.2030000000000003</v>
      </c>
      <c r="M51" s="64">
        <v>2E-3</v>
      </c>
      <c r="N51" s="73">
        <v>5.2050000000000001</v>
      </c>
      <c r="O51" s="3"/>
    </row>
    <row r="52" spans="1:15" ht="18.75" customHeight="1" x14ac:dyDescent="0.15">
      <c r="A52" s="56" t="s">
        <v>15</v>
      </c>
      <c r="B52" s="12" t="s">
        <v>3</v>
      </c>
      <c r="C52" s="63">
        <v>738.36</v>
      </c>
      <c r="D52" s="63">
        <v>276.61</v>
      </c>
      <c r="E52" s="63">
        <v>45.09</v>
      </c>
      <c r="F52" s="63">
        <v>167.47</v>
      </c>
      <c r="G52" s="15">
        <v>0</v>
      </c>
      <c r="H52" s="20">
        <v>0.28000000000000003</v>
      </c>
      <c r="I52" s="24">
        <v>0</v>
      </c>
      <c r="J52" s="15">
        <v>0.99</v>
      </c>
      <c r="K52" s="20">
        <v>8.3699999999999992</v>
      </c>
      <c r="L52" s="68">
        <v>1227.81</v>
      </c>
      <c r="M52" s="63">
        <v>9.36</v>
      </c>
      <c r="N52" s="72">
        <v>1237.1699999999998</v>
      </c>
      <c r="O52" s="3"/>
    </row>
    <row r="53" spans="1:15" ht="18.75" customHeight="1" x14ac:dyDescent="0.15">
      <c r="A53" s="57" t="s">
        <v>15</v>
      </c>
      <c r="B53" s="13" t="s">
        <v>4</v>
      </c>
      <c r="C53" s="64">
        <v>689.61300000000006</v>
      </c>
      <c r="D53" s="64">
        <v>198.05099999999999</v>
      </c>
      <c r="E53" s="64">
        <v>17.587</v>
      </c>
      <c r="F53" s="64">
        <v>65.03</v>
      </c>
      <c r="G53" s="1">
        <v>0</v>
      </c>
      <c r="H53" s="23">
        <v>0.23799999999999999</v>
      </c>
      <c r="I53" s="25">
        <v>0</v>
      </c>
      <c r="J53" s="1">
        <v>0.21099999999999999</v>
      </c>
      <c r="K53" s="23">
        <v>0.72599999999999998</v>
      </c>
      <c r="L53" s="70">
        <v>970.51900000000001</v>
      </c>
      <c r="M53" s="64">
        <v>0.93700000000000006</v>
      </c>
      <c r="N53" s="73">
        <v>971.45600000000002</v>
      </c>
      <c r="O53" s="3"/>
    </row>
    <row r="54" spans="1:15" ht="18.75" customHeight="1" x14ac:dyDescent="0.15">
      <c r="A54" s="57" t="s">
        <v>15</v>
      </c>
      <c r="B54" s="13" t="s">
        <v>5</v>
      </c>
      <c r="C54" s="64">
        <v>2.8010000000000002</v>
      </c>
      <c r="D54" s="64">
        <v>1.2529999999999999</v>
      </c>
      <c r="E54" s="64">
        <v>5.7000000000000002E-2</v>
      </c>
      <c r="F54" s="64">
        <v>0.25700000000000001</v>
      </c>
      <c r="G54" s="1">
        <v>0</v>
      </c>
      <c r="H54" s="23">
        <v>1E-3</v>
      </c>
      <c r="I54" s="25">
        <v>0</v>
      </c>
      <c r="J54" s="1">
        <v>0</v>
      </c>
      <c r="K54" s="23">
        <v>3.0000000000000001E-3</v>
      </c>
      <c r="L54" s="70">
        <v>4.3689999999999998</v>
      </c>
      <c r="M54" s="64">
        <v>3.0000000000000001E-3</v>
      </c>
      <c r="N54" s="73">
        <v>4.3719999999999999</v>
      </c>
      <c r="O54" s="3"/>
    </row>
    <row r="55" spans="1:15" ht="18.75" customHeight="1" x14ac:dyDescent="0.15">
      <c r="A55" s="56" t="s">
        <v>16</v>
      </c>
      <c r="B55" s="12" t="s">
        <v>3</v>
      </c>
      <c r="C55" s="63">
        <v>636.20000000000005</v>
      </c>
      <c r="D55" s="63">
        <v>210.3</v>
      </c>
      <c r="E55" s="63">
        <v>28.11</v>
      </c>
      <c r="F55" s="63">
        <v>68.680000000000007</v>
      </c>
      <c r="G55" s="15">
        <v>0</v>
      </c>
      <c r="H55" s="20">
        <v>0.56000000000000005</v>
      </c>
      <c r="I55" s="24">
        <v>0</v>
      </c>
      <c r="J55" s="15">
        <v>0.06</v>
      </c>
      <c r="K55" s="20">
        <v>0</v>
      </c>
      <c r="L55" s="68">
        <v>943.84999999999991</v>
      </c>
      <c r="M55" s="63">
        <v>0.06</v>
      </c>
      <c r="N55" s="72">
        <v>943.90999999999985</v>
      </c>
      <c r="O55" s="3"/>
    </row>
    <row r="56" spans="1:15" ht="18.75" customHeight="1" x14ac:dyDescent="0.15">
      <c r="A56" s="57" t="s">
        <v>16</v>
      </c>
      <c r="B56" s="13" t="s">
        <v>4</v>
      </c>
      <c r="C56" s="64">
        <v>594.76099999999997</v>
      </c>
      <c r="D56" s="64">
        <v>152.49700000000001</v>
      </c>
      <c r="E56" s="64">
        <v>11.59</v>
      </c>
      <c r="F56" s="64">
        <v>27.884</v>
      </c>
      <c r="G56" s="1">
        <v>0</v>
      </c>
      <c r="H56" s="23">
        <v>0.434</v>
      </c>
      <c r="I56" s="25">
        <v>0</v>
      </c>
      <c r="J56" s="1">
        <v>0.01</v>
      </c>
      <c r="K56" s="23">
        <v>0</v>
      </c>
      <c r="L56" s="70">
        <v>787.16600000000005</v>
      </c>
      <c r="M56" s="64">
        <v>0.01</v>
      </c>
      <c r="N56" s="73">
        <v>787.17600000000004</v>
      </c>
      <c r="O56" s="3"/>
    </row>
    <row r="57" spans="1:15" ht="18.75" customHeight="1" x14ac:dyDescent="0.15">
      <c r="A57" s="57" t="s">
        <v>16</v>
      </c>
      <c r="B57" s="13" t="s">
        <v>5</v>
      </c>
      <c r="C57" s="64">
        <v>2.0739999999999998</v>
      </c>
      <c r="D57" s="64">
        <v>0.86499999999999999</v>
      </c>
      <c r="E57" s="64">
        <v>3.5000000000000003E-2</v>
      </c>
      <c r="F57" s="64">
        <v>0.10100000000000001</v>
      </c>
      <c r="G57" s="1">
        <v>0</v>
      </c>
      <c r="H57" s="23">
        <v>2E-3</v>
      </c>
      <c r="I57" s="25">
        <v>0</v>
      </c>
      <c r="J57" s="1">
        <v>0</v>
      </c>
      <c r="K57" s="23">
        <v>0</v>
      </c>
      <c r="L57" s="70">
        <v>3.077</v>
      </c>
      <c r="M57" s="64">
        <v>0</v>
      </c>
      <c r="N57" s="73">
        <v>3.077</v>
      </c>
      <c r="O57" s="3"/>
    </row>
    <row r="58" spans="1:15" ht="18.75" customHeight="1" x14ac:dyDescent="0.15">
      <c r="A58" s="56" t="s">
        <v>18</v>
      </c>
      <c r="B58" s="12" t="s">
        <v>3</v>
      </c>
      <c r="C58" s="63">
        <v>607.32000000000005</v>
      </c>
      <c r="D58" s="63">
        <v>156.68</v>
      </c>
      <c r="E58" s="63">
        <v>21.1</v>
      </c>
      <c r="F58" s="63">
        <v>49.43</v>
      </c>
      <c r="G58" s="15">
        <v>0</v>
      </c>
      <c r="H58" s="20">
        <v>0.6</v>
      </c>
      <c r="I58" s="24">
        <v>0</v>
      </c>
      <c r="J58" s="15">
        <v>0</v>
      </c>
      <c r="K58" s="20">
        <v>0</v>
      </c>
      <c r="L58" s="68">
        <v>835.13</v>
      </c>
      <c r="M58" s="20">
        <v>0</v>
      </c>
      <c r="N58" s="72">
        <v>835.13</v>
      </c>
      <c r="O58" s="3"/>
    </row>
    <row r="59" spans="1:15" ht="18.75" customHeight="1" x14ac:dyDescent="0.15">
      <c r="A59" s="57" t="s">
        <v>18</v>
      </c>
      <c r="B59" s="13" t="s">
        <v>4</v>
      </c>
      <c r="C59" s="64">
        <v>574.44399999999996</v>
      </c>
      <c r="D59" s="64">
        <v>119.93300000000001</v>
      </c>
      <c r="E59" s="64">
        <v>9.1189999999999998</v>
      </c>
      <c r="F59" s="64">
        <v>21.416</v>
      </c>
      <c r="G59" s="1">
        <v>0</v>
      </c>
      <c r="H59" s="23">
        <v>0.437</v>
      </c>
      <c r="I59" s="25">
        <v>0</v>
      </c>
      <c r="J59" s="1">
        <v>0</v>
      </c>
      <c r="K59" s="23">
        <v>0</v>
      </c>
      <c r="L59" s="70">
        <v>725.34900000000005</v>
      </c>
      <c r="M59" s="23">
        <v>0</v>
      </c>
      <c r="N59" s="73">
        <v>725.34900000000005</v>
      </c>
      <c r="O59" s="3"/>
    </row>
    <row r="60" spans="1:15" ht="18.75" customHeight="1" x14ac:dyDescent="0.15">
      <c r="A60" s="57" t="s">
        <v>18</v>
      </c>
      <c r="B60" s="13" t="s">
        <v>5</v>
      </c>
      <c r="C60" s="64">
        <v>1.4930000000000001</v>
      </c>
      <c r="D60" s="64">
        <v>0.52400000000000002</v>
      </c>
      <c r="E60" s="64">
        <v>2.1000000000000001E-2</v>
      </c>
      <c r="F60" s="64">
        <v>7.3999999999999996E-2</v>
      </c>
      <c r="G60" s="1">
        <v>0</v>
      </c>
      <c r="H60" s="23">
        <v>2E-3</v>
      </c>
      <c r="I60" s="25">
        <v>0</v>
      </c>
      <c r="J60" s="1">
        <v>0</v>
      </c>
      <c r="K60" s="23">
        <v>0</v>
      </c>
      <c r="L60" s="70">
        <v>2.1139999999999999</v>
      </c>
      <c r="M60" s="23">
        <v>0</v>
      </c>
      <c r="N60" s="73">
        <v>2.1139999999999999</v>
      </c>
      <c r="O60" s="3"/>
    </row>
    <row r="61" spans="1:15" ht="18.75" customHeight="1" x14ac:dyDescent="0.15">
      <c r="A61" s="50" t="s">
        <v>17</v>
      </c>
      <c r="B61" s="12" t="s">
        <v>3</v>
      </c>
      <c r="C61" s="63">
        <v>1232.6600000000001</v>
      </c>
      <c r="D61" s="63">
        <v>267.64999999999998</v>
      </c>
      <c r="E61" s="63">
        <v>84.18</v>
      </c>
      <c r="F61" s="63">
        <v>226.38</v>
      </c>
      <c r="G61" s="15">
        <v>0.34</v>
      </c>
      <c r="H61" s="20">
        <v>0.75</v>
      </c>
      <c r="I61" s="24">
        <v>0</v>
      </c>
      <c r="J61" s="15">
        <v>0</v>
      </c>
      <c r="K61" s="20">
        <v>0</v>
      </c>
      <c r="L61" s="68">
        <v>1811.9599999999998</v>
      </c>
      <c r="M61" s="20">
        <v>0</v>
      </c>
      <c r="N61" s="72">
        <v>1811.9599999999998</v>
      </c>
      <c r="O61" s="3"/>
    </row>
    <row r="62" spans="1:15" ht="18.75" customHeight="1" x14ac:dyDescent="0.15">
      <c r="A62" s="51" t="s">
        <v>17</v>
      </c>
      <c r="B62" s="13" t="s">
        <v>4</v>
      </c>
      <c r="C62" s="64">
        <v>1176.7819999999999</v>
      </c>
      <c r="D62" s="64">
        <v>204.42</v>
      </c>
      <c r="E62" s="64">
        <v>38.700000000000003</v>
      </c>
      <c r="F62" s="64">
        <v>84.004000000000005</v>
      </c>
      <c r="G62" s="1">
        <v>0.151</v>
      </c>
      <c r="H62" s="23">
        <v>0.60299999999999998</v>
      </c>
      <c r="I62" s="25">
        <v>0</v>
      </c>
      <c r="J62" s="1">
        <v>0</v>
      </c>
      <c r="K62" s="23">
        <v>0</v>
      </c>
      <c r="L62" s="70">
        <v>1504.66</v>
      </c>
      <c r="M62" s="23">
        <v>0</v>
      </c>
      <c r="N62" s="73">
        <v>1504.66</v>
      </c>
      <c r="O62" s="3"/>
    </row>
    <row r="63" spans="1:15" ht="18.75" customHeight="1" x14ac:dyDescent="0.15">
      <c r="A63" s="51" t="s">
        <v>17</v>
      </c>
      <c r="B63" s="13" t="s">
        <v>5</v>
      </c>
      <c r="C63" s="64">
        <v>3.0990000000000002</v>
      </c>
      <c r="D63" s="64">
        <v>0.89200000000000002</v>
      </c>
      <c r="E63" s="64">
        <v>0.13200000000000001</v>
      </c>
      <c r="F63" s="64">
        <v>0.26600000000000001</v>
      </c>
      <c r="G63" s="1">
        <v>0</v>
      </c>
      <c r="H63" s="23">
        <v>3.0000000000000001E-3</v>
      </c>
      <c r="I63" s="25">
        <v>0</v>
      </c>
      <c r="J63" s="1">
        <v>0</v>
      </c>
      <c r="K63" s="23">
        <v>0</v>
      </c>
      <c r="L63" s="70">
        <v>4.3920000000000003</v>
      </c>
      <c r="M63" s="23">
        <v>0</v>
      </c>
      <c r="N63" s="73">
        <v>4.3920000000000003</v>
      </c>
      <c r="O63" s="3"/>
    </row>
    <row r="64" spans="1:15" ht="18.75" customHeight="1" x14ac:dyDescent="0.15">
      <c r="A64" s="48" t="s">
        <v>34</v>
      </c>
      <c r="B64" s="12" t="s">
        <v>3</v>
      </c>
      <c r="C64" s="63">
        <v>78393.430000000008</v>
      </c>
      <c r="D64" s="63">
        <v>60456.11</v>
      </c>
      <c r="E64" s="63">
        <v>37784.86</v>
      </c>
      <c r="F64" s="63">
        <v>6249.5300000000007</v>
      </c>
      <c r="G64" s="15">
        <v>97.90000000000002</v>
      </c>
      <c r="H64" s="20">
        <v>34.930000000000007</v>
      </c>
      <c r="I64" s="24">
        <v>0</v>
      </c>
      <c r="J64" s="15">
        <v>739.81000000000006</v>
      </c>
      <c r="K64" s="81">
        <v>1145.4699999999996</v>
      </c>
      <c r="L64" s="68">
        <v>183016.75999999998</v>
      </c>
      <c r="M64" s="63">
        <v>1885.28</v>
      </c>
      <c r="N64" s="72">
        <v>184902.04</v>
      </c>
      <c r="O64" s="3"/>
    </row>
    <row r="65" spans="1:16" ht="18.75" customHeight="1" x14ac:dyDescent="0.15">
      <c r="A65" s="49" t="s">
        <v>35</v>
      </c>
      <c r="B65" s="13" t="s">
        <v>4</v>
      </c>
      <c r="C65" s="64">
        <v>54443.43</v>
      </c>
      <c r="D65" s="64">
        <v>23137.806</v>
      </c>
      <c r="E65" s="64">
        <v>12182.34</v>
      </c>
      <c r="F65" s="64">
        <v>2073.5909999999999</v>
      </c>
      <c r="G65" s="1">
        <v>35.880000000000003</v>
      </c>
      <c r="H65" s="23">
        <v>11.125</v>
      </c>
      <c r="I65" s="25">
        <v>0</v>
      </c>
      <c r="J65" s="1">
        <v>80.350999999999999</v>
      </c>
      <c r="K65" s="23">
        <v>84.65</v>
      </c>
      <c r="L65" s="70">
        <v>91884.172000000006</v>
      </c>
      <c r="M65" s="64">
        <v>165.001</v>
      </c>
      <c r="N65" s="73">
        <v>92049.172999999995</v>
      </c>
      <c r="O65" s="3"/>
    </row>
    <row r="66" spans="1:16" ht="18.75" customHeight="1" thickBot="1" x14ac:dyDescent="0.2">
      <c r="A66" s="58" t="s">
        <v>35</v>
      </c>
      <c r="B66" s="13" t="s">
        <v>5</v>
      </c>
      <c r="C66" s="64">
        <v>819.09100000000001</v>
      </c>
      <c r="D66" s="64">
        <v>562.35299999999995</v>
      </c>
      <c r="E66" s="64">
        <v>198.30099999999999</v>
      </c>
      <c r="F66" s="64">
        <v>26.302</v>
      </c>
      <c r="G66" s="1">
        <v>0.42499999999999999</v>
      </c>
      <c r="H66" s="23">
        <v>0.25700000000000001</v>
      </c>
      <c r="I66" s="25">
        <v>0</v>
      </c>
      <c r="J66" s="1">
        <v>1.633</v>
      </c>
      <c r="K66" s="23">
        <v>3.4580000000000002</v>
      </c>
      <c r="L66" s="70">
        <v>1606.729</v>
      </c>
      <c r="M66" s="64">
        <v>5.0910000000000002</v>
      </c>
      <c r="N66" s="74">
        <v>1611.82</v>
      </c>
      <c r="O66" s="3"/>
    </row>
    <row r="67" spans="1:16" ht="18.75" customHeight="1" thickTop="1" x14ac:dyDescent="0.15">
      <c r="A67" s="52" t="s">
        <v>6</v>
      </c>
      <c r="B67" s="14" t="s">
        <v>3</v>
      </c>
      <c r="C67" s="65">
        <v>21085.59</v>
      </c>
      <c r="D67" s="65">
        <v>48628.14</v>
      </c>
      <c r="E67" s="65">
        <v>215.14999999999998</v>
      </c>
      <c r="F67" s="65">
        <v>197.05</v>
      </c>
      <c r="G67" s="21">
        <v>1.85</v>
      </c>
      <c r="H67" s="17">
        <v>25.38</v>
      </c>
      <c r="I67" s="36">
        <v>0</v>
      </c>
      <c r="J67" s="16">
        <v>163.82</v>
      </c>
      <c r="K67" s="17">
        <v>898.31999999999994</v>
      </c>
      <c r="L67" s="75">
        <v>70153.16</v>
      </c>
      <c r="M67" s="65">
        <v>1062.1399999999999</v>
      </c>
      <c r="N67" s="76">
        <v>71215.3</v>
      </c>
      <c r="O67" s="3"/>
    </row>
    <row r="68" spans="1:16" ht="18.75" customHeight="1" x14ac:dyDescent="0.15">
      <c r="A68" s="53" t="s">
        <v>7</v>
      </c>
      <c r="B68" s="13" t="s">
        <v>4</v>
      </c>
      <c r="C68" s="66">
        <v>10159.907999999999</v>
      </c>
      <c r="D68" s="66">
        <v>16254.076000000001</v>
      </c>
      <c r="E68" s="66">
        <v>33.156999999999996</v>
      </c>
      <c r="F68" s="66">
        <v>20.484000000000002</v>
      </c>
      <c r="G68" s="22">
        <v>0.47</v>
      </c>
      <c r="H68" s="19">
        <v>5.237000000000001</v>
      </c>
      <c r="I68" s="37">
        <v>0</v>
      </c>
      <c r="J68" s="18">
        <v>3.2509999999999999</v>
      </c>
      <c r="K68" s="19">
        <v>52.487000000000002</v>
      </c>
      <c r="L68" s="77">
        <v>26473.332000000002</v>
      </c>
      <c r="M68" s="66">
        <v>55.738</v>
      </c>
      <c r="N68" s="78">
        <v>26529.070000000003</v>
      </c>
      <c r="O68" s="3"/>
    </row>
    <row r="69" spans="1:16" ht="18.75" customHeight="1" x14ac:dyDescent="0.15">
      <c r="A69" s="53" t="s">
        <v>8</v>
      </c>
      <c r="B69" s="13" t="s">
        <v>5</v>
      </c>
      <c r="C69" s="66">
        <v>301.14400000000001</v>
      </c>
      <c r="D69" s="66">
        <v>471.83199999999999</v>
      </c>
      <c r="E69" s="66">
        <v>1.151</v>
      </c>
      <c r="F69" s="66">
        <v>0.94900000000000007</v>
      </c>
      <c r="G69" s="18">
        <v>1.2E-2</v>
      </c>
      <c r="H69" s="19">
        <v>0.19700000000000001</v>
      </c>
      <c r="I69" s="38">
        <v>0</v>
      </c>
      <c r="J69" s="22">
        <v>0.7</v>
      </c>
      <c r="K69" s="19">
        <v>3.2989999999999999</v>
      </c>
      <c r="L69" s="77">
        <v>775.28499999999985</v>
      </c>
      <c r="M69" s="66">
        <v>3.9989999999999997</v>
      </c>
      <c r="N69" s="78">
        <v>779.28399999999988</v>
      </c>
      <c r="O69" s="3"/>
    </row>
    <row r="70" spans="1:16" ht="18.75" customHeight="1" x14ac:dyDescent="0.15">
      <c r="A70" s="54" t="s">
        <v>6</v>
      </c>
      <c r="B70" s="12" t="s">
        <v>3</v>
      </c>
      <c r="C70" s="63">
        <v>57307.840000000011</v>
      </c>
      <c r="D70" s="63">
        <v>11827.970000000001</v>
      </c>
      <c r="E70" s="63">
        <v>37569.71</v>
      </c>
      <c r="F70" s="63">
        <v>6053</v>
      </c>
      <c r="G70" s="15">
        <v>96.050000000000026</v>
      </c>
      <c r="H70" s="20">
        <v>9.5500000000000078</v>
      </c>
      <c r="I70" s="31">
        <v>0</v>
      </c>
      <c r="J70" s="15">
        <v>575.99</v>
      </c>
      <c r="K70" s="20">
        <v>247.14999999999964</v>
      </c>
      <c r="L70" s="68">
        <v>112863.59999999998</v>
      </c>
      <c r="M70" s="63">
        <v>823.1400000000001</v>
      </c>
      <c r="N70" s="72">
        <v>113686.74</v>
      </c>
      <c r="O70" s="3"/>
    </row>
    <row r="71" spans="1:16" ht="18.75" customHeight="1" x14ac:dyDescent="0.15">
      <c r="A71" s="53" t="s">
        <v>7</v>
      </c>
      <c r="B71" s="13" t="s">
        <v>4</v>
      </c>
      <c r="C71" s="66">
        <v>44283.521999999997</v>
      </c>
      <c r="D71" s="66">
        <v>6883.73</v>
      </c>
      <c r="E71" s="66">
        <v>12149.183000000001</v>
      </c>
      <c r="F71" s="66">
        <v>2054</v>
      </c>
      <c r="G71" s="18">
        <v>35.410000000000004</v>
      </c>
      <c r="H71" s="19">
        <v>5.887999999999999</v>
      </c>
      <c r="I71" s="37">
        <v>0</v>
      </c>
      <c r="J71" s="18">
        <v>77.099999999999994</v>
      </c>
      <c r="K71" s="19">
        <v>32.163000000000004</v>
      </c>
      <c r="L71" s="77">
        <v>65410.840000000004</v>
      </c>
      <c r="M71" s="66">
        <v>109.26300000000001</v>
      </c>
      <c r="N71" s="78">
        <v>65520.102999999988</v>
      </c>
      <c r="O71" s="3"/>
    </row>
    <row r="72" spans="1:16" ht="18.75" customHeight="1" thickBot="1" x14ac:dyDescent="0.2">
      <c r="A72" s="55" t="s">
        <v>9</v>
      </c>
      <c r="B72" s="28" t="s">
        <v>5</v>
      </c>
      <c r="C72" s="67">
        <v>517.947</v>
      </c>
      <c r="D72" s="67">
        <v>90.520999999999958</v>
      </c>
      <c r="E72" s="67">
        <v>197.14999999999998</v>
      </c>
      <c r="F72" s="67">
        <v>25.352999999999998</v>
      </c>
      <c r="G72" s="29">
        <v>0.41299999999999998</v>
      </c>
      <c r="H72" s="30">
        <v>0.06</v>
      </c>
      <c r="I72" s="40">
        <v>0</v>
      </c>
      <c r="J72" s="41">
        <v>0.93300000000000005</v>
      </c>
      <c r="K72" s="42">
        <v>0.15900000000000025</v>
      </c>
      <c r="L72" s="79">
        <v>831.44400000000019</v>
      </c>
      <c r="M72" s="67">
        <v>1.0920000000000005</v>
      </c>
      <c r="N72" s="80">
        <v>832.53600000000006</v>
      </c>
      <c r="O72" s="3"/>
    </row>
    <row r="73" spans="1:16" ht="15" customHeight="1" thickTop="1" x14ac:dyDescent="0.15">
      <c r="A73" s="3"/>
      <c r="B73" s="3"/>
      <c r="C73" s="3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2"/>
      <c r="P73" s="3"/>
    </row>
  </sheetData>
  <phoneticPr fontId="1"/>
  <pageMargins left="0.78740157480314965" right="0" top="1.1811023622047245" bottom="0.31496062992125984" header="0.94488188976377963" footer="0.51181102362204722"/>
  <pageSetup paperSize="9" scale="58" orientation="portrait" r:id="rId1"/>
  <headerFooter differentOddEven="1" scaleWithDoc="0" alignWithMargins="0">
    <oddHeader>&amp;L&amp;18　　 &amp;12(2)人工林合計</oddHeader>
  </headerFooter>
  <colBreaks count="1" manualBreakCount="1">
    <brk id="8" max="71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2)</vt:lpstr>
      <vt:lpstr>'2(2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0:44:19Z</cp:lastPrinted>
  <dcterms:created xsi:type="dcterms:W3CDTF">2001-08-30T00:06:01Z</dcterms:created>
  <dcterms:modified xsi:type="dcterms:W3CDTF">2019-08-28T00:42:27Z</dcterms:modified>
</cp:coreProperties>
</file>